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6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6282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073757-0719-4886-B119-89EE783EA87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0A46090-D6B7-411D-92B8-B842866E269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F8FD936-F2E6-4522-9A4C-7487364573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5257E1-761F-45A0-8382-0B9E56736E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456F433-549E-481A-8579-F807C33ED3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655434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0772E0-81A7-4BD6-8B52-F8E2C9DE69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439E338-65EA-4D20-B0C7-6A3888DC7AA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1DABEED-9618-4A71-B1CC-995C644A94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AA2355-8143-46A9-8595-51D9DBFE6A0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CFACD6B-31D4-4388-BED1-7B58363D46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138267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98E3B99-EE66-4F1D-A86A-7DE499E87DF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C290E0D-C9CB-4CAA-9010-49747B9074D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F09F35-CCA5-46E3-9BAD-0292487717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A33AEF2-A887-4394-829E-CFBFC91D77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E7B9BC8-5664-4D2F-A738-31B40BDFA7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53943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A26810-749C-4A6D-886F-A98C016220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37C5E9B-CF8F-4A45-96B2-DD66CAA7489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E1440D-899C-41F2-A3EE-1035FC3E89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484B0D9-E90F-463C-B99A-009FC9E532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95D760-6A6C-405D-A152-57EC0E0644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98397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247A0A-3E42-454D-A169-15E6089F8D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A3DA394-1FD6-4C51-8E2F-6EF7A4CFE0C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D6B1AB-91F4-4C9C-B4D9-C7C5A790A6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12429BF-6BD3-44E0-A3C1-8E8B3FDD9C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EFF5EE0-7FA9-4C2B-BDD2-735C32A209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03963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292FA7-36F7-41AB-82EE-E3AB1EDEC8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3DC321C-B7DD-42D1-819D-9BB15467CC1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15C36BE-ED64-4A51-9CC9-BE68E76A142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69D4250-24A3-4B4E-97E9-80CB4E39C4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AFD5441-E111-484A-8FA6-D590703DC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8FC2CDE-82D6-405A-BF16-6EB8FAF894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20581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085E75-6CF3-4161-B57B-45DA3957B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89D8ED-11E5-48C8-93E1-6924140D90A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3254772-9AE2-4167-BC4D-52F279D75D8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97F809D-EA0F-4591-8637-2C7A5EE1C9E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7FB6D80-E016-40B7-A734-CDE08B4C5AA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BB747E7-B98F-49DF-9422-80A59A0317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BC98806-44B7-46A2-BBD6-4E020EF9D5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7074A9A-FF09-494D-B529-083761C272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833309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9D0955-B0C0-4CF7-BA5C-9027C89C80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0343505-E060-40A9-8321-9889EFD5BA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B447884-E95E-4682-9906-A19E5A42FB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C77FAA0-8F65-409E-AC08-B90C639830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95343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25A385E-07E0-4063-98CF-2B455F6E79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CE94E36-083B-4A44-B2EE-C8E5E637FC7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1466638-532F-4E45-9082-50A13E1498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277165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B0F842-CDAD-4C28-BC74-2BF460EF7C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2758ED-2062-4809-B6EA-3726C334F56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2C60A9D-E7E1-44CE-9CBB-334CD77E72F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FF4B19-909F-4BEF-A1E6-0CA5313BD9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088E9E8-849E-4950-B1FD-D97102C790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4122E97-4485-451E-BF73-C9E2CDE3A1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91768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88F778-34FD-4DA5-A928-0F227B7AB6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FBBAFC2-12C1-4203-A06A-ABC556BE84C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1A6FC25-2266-4DD2-B06F-E35D6B449FB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8AA16A6-8C2D-4B56-BEAA-99AC8DD5D8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883C2D2-14ED-4D32-952E-ED59166BD6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886CF58-36DF-4D1A-9840-D17949A1BA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97352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F3012286-FD4D-419A-9BE3-FE5909FEA7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EA531FA-4F48-40B6-A20F-69FB33637A5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359F7E6-8C6E-4AD0-BBDE-B25017CA6B4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FAD1C96-F3AB-41FC-8FB7-B0C6355F6082}" type="datetimeFigureOut">
              <a:rPr lang="en-US" smtClean="0"/>
              <a:t>10/29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2034BA0-0BDA-4F7E-905D-6403924B45F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62FACD7-B352-448A-80F7-02885A26658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EB9696C-10C2-4308-80A6-0E4703DAD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500169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microsoft.com/office/2007/relationships/hdphoto" Target="../media/hdphoto1.wdp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6.pn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image" Target="../media/image2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image" Target="../media/image4.jpeg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image" Target="../media/image7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3.png"/><Relationship Id="rId91" Type="http://schemas.openxmlformats.org/officeDocument/2006/relationships/image" Target="../media/image5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7.xml"/><Relationship Id="rId94" Type="http://schemas.openxmlformats.org/officeDocument/2006/relationships/image" Target="../media/image8.png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rgbClr val="51050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2" name="Picture 241" descr="Icon&#10;&#10;Description automatically generated">
            <a:extLst>
              <a:ext uri="{FF2B5EF4-FFF2-40B4-BE49-F238E27FC236}">
                <a16:creationId xmlns:a16="http://schemas.microsoft.com/office/drawing/2014/main" id="{B1D67487-8112-497D-AF47-0C0CB17E195C}"/>
              </a:ext>
            </a:extLst>
          </p:cNvPr>
          <p:cNvPicPr>
            <a:picLocks noChangeAspect="1"/>
          </p:cNvPicPr>
          <p:nvPr/>
        </p:nvPicPr>
        <p:blipFill>
          <a:blip r:embed="rId87">
            <a:duotone>
              <a:schemeClr val="accent2">
                <a:shade val="45000"/>
                <a:satMod val="135000"/>
              </a:schemeClr>
              <a:prstClr val="white"/>
            </a:duotone>
            <a:alphaModFix amt="5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3337912">
            <a:off x="648955" y="4546421"/>
            <a:ext cx="1214750" cy="2202379"/>
          </a:xfrm>
          <a:prstGeom prst="rect">
            <a:avLst/>
          </a:prstGeom>
        </p:spPr>
      </p:pic>
      <p:pic>
        <p:nvPicPr>
          <p:cNvPr id="228" name="Picture 227" descr="Icon&#10;&#10;Description automatically generated">
            <a:extLst>
              <a:ext uri="{FF2B5EF4-FFF2-40B4-BE49-F238E27FC236}">
                <a16:creationId xmlns:a16="http://schemas.microsoft.com/office/drawing/2014/main" id="{E8E77CC3-E443-46CC-8FB2-A6D7F83D65D2}"/>
              </a:ext>
            </a:extLst>
          </p:cNvPr>
          <p:cNvPicPr>
            <a:picLocks noChangeAspect="1"/>
          </p:cNvPicPr>
          <p:nvPr/>
        </p:nvPicPr>
        <p:blipFill>
          <a:blip r:embed="rId87">
            <a:duotone>
              <a:schemeClr val="accent2">
                <a:shade val="45000"/>
                <a:satMod val="135000"/>
              </a:schemeClr>
              <a:prstClr val="white"/>
            </a:duotone>
            <a:alphaModFix amt="8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2097" y="4820504"/>
            <a:ext cx="866513" cy="1571015"/>
          </a:xfrm>
          <a:prstGeom prst="rect">
            <a:avLst/>
          </a:prstGeom>
        </p:spPr>
      </p:pic>
      <p:pic>
        <p:nvPicPr>
          <p:cNvPr id="245" name="Picture 244" descr="A picture containing orange, dark&#10;&#10;Description automatically generated">
            <a:extLst>
              <a:ext uri="{FF2B5EF4-FFF2-40B4-BE49-F238E27FC236}">
                <a16:creationId xmlns:a16="http://schemas.microsoft.com/office/drawing/2014/main" id="{1BA5052B-88DC-4DA4-A7CD-EF814B1FF637}"/>
              </a:ext>
            </a:extLst>
          </p:cNvPr>
          <p:cNvPicPr>
            <a:picLocks noChangeAspect="1"/>
          </p:cNvPicPr>
          <p:nvPr/>
        </p:nvPicPr>
        <p:blipFill>
          <a:blip r:embed="rId88">
            <a:alphaModFix amt="68000"/>
            <a:extLst>
              <a:ext uri="{BEBA8EAE-BF5A-486C-A8C5-ECC9F3942E4B}">
                <a14:imgProps xmlns:a14="http://schemas.microsoft.com/office/drawing/2010/main">
                  <a14:imgLayer r:embed="rId89">
                    <a14:imgEffect>
                      <a14:artisticWatercolorSponge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82138" y="3693375"/>
            <a:ext cx="981187" cy="2504950"/>
          </a:xfrm>
          <a:prstGeom prst="rect">
            <a:avLst/>
          </a:prstGeom>
        </p:spPr>
      </p:pic>
      <p:cxnSp>
        <p:nvCxnSpPr>
          <p:cNvPr id="16" name="OTLSHAPE_M_d6f426c6a59b440ab1ded887b1832fef_Connector1">
            <a:extLst>
              <a:ext uri="{FF2B5EF4-FFF2-40B4-BE49-F238E27FC236}">
                <a16:creationId xmlns:a16="http://schemas.microsoft.com/office/drawing/2014/main" id="{4A025757-470A-4AE8-BF85-31FDA71EEDE9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6234324" y="451372"/>
            <a:ext cx="0" cy="583583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ef1f76c0b4ca4e028200d97fb96ceb28_Connector1">
            <a:extLst>
              <a:ext uri="{FF2B5EF4-FFF2-40B4-BE49-F238E27FC236}">
                <a16:creationId xmlns:a16="http://schemas.microsoft.com/office/drawing/2014/main" id="{172CE0F6-A5C3-41A3-B23D-F8A592A2B5DB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6096240" y="3119774"/>
            <a:ext cx="0" cy="414105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bc9d606de9584d1f8fd2a7a060a2de8e_Connector1">
            <a:extLst>
              <a:ext uri="{FF2B5EF4-FFF2-40B4-BE49-F238E27FC236}">
                <a16:creationId xmlns:a16="http://schemas.microsoft.com/office/drawing/2014/main" id="{2EFEAA23-FD45-4377-AB7B-E8E9FFD3D7B4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6346027" y="822386"/>
            <a:ext cx="0" cy="2711492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28e0f0403817446cae033f65e49c7e24_Connector1">
            <a:extLst>
              <a:ext uri="{FF2B5EF4-FFF2-40B4-BE49-F238E27FC236}">
                <a16:creationId xmlns:a16="http://schemas.microsoft.com/office/drawing/2014/main" id="{7119C8A8-AE8F-44A1-8150-D39DA58EACA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438108" y="1801230"/>
            <a:ext cx="0" cy="667124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11811f1cf4a0471eadaf3330105b25bc_Connector1">
            <a:extLst>
              <a:ext uri="{FF2B5EF4-FFF2-40B4-BE49-F238E27FC236}">
                <a16:creationId xmlns:a16="http://schemas.microsoft.com/office/drawing/2014/main" id="{F867F0E0-145A-4D1D-8AB4-4B07AFCCF56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999078" y="2615759"/>
            <a:ext cx="0" cy="918120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4acbb1b82ca34d10bcc3035f7cece7ed_Connector1">
            <a:extLst>
              <a:ext uri="{FF2B5EF4-FFF2-40B4-BE49-F238E27FC236}">
                <a16:creationId xmlns:a16="http://schemas.microsoft.com/office/drawing/2014/main" id="{17B0AA06-93F8-4D98-93CD-73F8726224A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508265" y="1408884"/>
            <a:ext cx="0" cy="534346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M_8490a803292041d5a4867f73209447c3_Connector1">
            <a:extLst>
              <a:ext uri="{FF2B5EF4-FFF2-40B4-BE49-F238E27FC236}">
                <a16:creationId xmlns:a16="http://schemas.microsoft.com/office/drawing/2014/main" id="{3B3F8584-8897-4A51-AD62-5A2EF8FC3AB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708500" y="1568217"/>
            <a:ext cx="0" cy="1965662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M_0706188816814a9b9e106679c5857917_Connector1">
            <a:extLst>
              <a:ext uri="{FF2B5EF4-FFF2-40B4-BE49-F238E27FC236}">
                <a16:creationId xmlns:a16="http://schemas.microsoft.com/office/drawing/2014/main" id="{5E0EB34B-D02C-4B81-AE2E-670048C711B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295359" y="2042523"/>
            <a:ext cx="0" cy="1491356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M_30b2a413c894426fb1f6173ba9a46fa8_Connector1">
            <a:extLst>
              <a:ext uri="{FF2B5EF4-FFF2-40B4-BE49-F238E27FC236}">
                <a16:creationId xmlns:a16="http://schemas.microsoft.com/office/drawing/2014/main" id="{19E51070-B442-4294-9B35-964395BE01D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096863" y="471138"/>
            <a:ext cx="0" cy="203844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M_a6eb5933957441ee997740cee513de97_Connector1">
            <a:extLst>
              <a:ext uri="{FF2B5EF4-FFF2-40B4-BE49-F238E27FC236}">
                <a16:creationId xmlns:a16="http://schemas.microsoft.com/office/drawing/2014/main" id="{A3C9026F-D616-4E45-BA3A-73F8134DF0E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329880" y="3119774"/>
            <a:ext cx="0" cy="414105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M_760292bca208410ca4955a9ca79677d3_Connector1">
            <a:extLst>
              <a:ext uri="{FF2B5EF4-FFF2-40B4-BE49-F238E27FC236}">
                <a16:creationId xmlns:a16="http://schemas.microsoft.com/office/drawing/2014/main" id="{6CCDC1B3-1EF8-4315-890D-896FD803CD0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173912" y="2090635"/>
            <a:ext cx="0" cy="1443244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M_433ef08518cb48f396e9774e77de0839_Connector1">
            <a:extLst>
              <a:ext uri="{FF2B5EF4-FFF2-40B4-BE49-F238E27FC236}">
                <a16:creationId xmlns:a16="http://schemas.microsoft.com/office/drawing/2014/main" id="{A1764A98-CAF1-4ED4-BE16-4AAABBD4050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510493" y="1182360"/>
            <a:ext cx="0" cy="2351519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M_7283102dff204149b4a71239bd21912f_Connector1">
            <a:extLst>
              <a:ext uri="{FF2B5EF4-FFF2-40B4-BE49-F238E27FC236}">
                <a16:creationId xmlns:a16="http://schemas.microsoft.com/office/drawing/2014/main" id="{2B1DF67D-A524-4B66-9C07-FECAFBA7699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184280" y="2321037"/>
            <a:ext cx="0" cy="651333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M_7283102dff204149b4a71239bd21912f_Connector2">
            <a:extLst>
              <a:ext uri="{FF2B5EF4-FFF2-40B4-BE49-F238E27FC236}">
                <a16:creationId xmlns:a16="http://schemas.microsoft.com/office/drawing/2014/main" id="{73BCC375-D384-4BFD-9463-9BF43F56870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184280" y="3317979"/>
            <a:ext cx="0" cy="215900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M_41be0c39f31b4b348b2732fec18f0610_Connector1">
            <a:extLst>
              <a:ext uri="{FF2B5EF4-FFF2-40B4-BE49-F238E27FC236}">
                <a16:creationId xmlns:a16="http://schemas.microsoft.com/office/drawing/2014/main" id="{307779BD-AF5F-45ED-AE5A-EA0808380DE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513346" y="1214042"/>
            <a:ext cx="0" cy="959590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M_4acbb1b82ca34d10bcc3035f7cece7ed_Connector2">
            <a:extLst>
              <a:ext uri="{FF2B5EF4-FFF2-40B4-BE49-F238E27FC236}">
                <a16:creationId xmlns:a16="http://schemas.microsoft.com/office/drawing/2014/main" id="{DBCD249B-B76B-4A15-9433-D46FF0119AF6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508265" y="2288840"/>
            <a:ext cx="0" cy="683530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M_28e0f0403817446cae033f65e49c7e24_Connector2">
            <a:extLst>
              <a:ext uri="{FF2B5EF4-FFF2-40B4-BE49-F238E27FC236}">
                <a16:creationId xmlns:a16="http://schemas.microsoft.com/office/drawing/2014/main" id="{00D69F9C-2D9B-4EB8-8074-10E54A677B9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438108" y="2813963"/>
            <a:ext cx="0" cy="719916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41be0c39f31b4b348b2732fec18f0610_Connector2">
            <a:extLst>
              <a:ext uri="{FF2B5EF4-FFF2-40B4-BE49-F238E27FC236}">
                <a16:creationId xmlns:a16="http://schemas.microsoft.com/office/drawing/2014/main" id="{43DE3FCC-537D-4BB7-833D-88F98011136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513346" y="2519242"/>
            <a:ext cx="0" cy="453128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d6f426c6a59b440ab1ded887b1832fef_Connector2">
            <a:extLst>
              <a:ext uri="{FF2B5EF4-FFF2-40B4-BE49-F238E27FC236}">
                <a16:creationId xmlns:a16="http://schemas.microsoft.com/office/drawing/2014/main" id="{5CE570C7-6F76-418A-82E9-7B34D3F6ED9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234324" y="1380564"/>
            <a:ext cx="0" cy="2153314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30b2a413c894426fb1f6173ba9a46fa8_Connector2">
            <a:extLst>
              <a:ext uri="{FF2B5EF4-FFF2-40B4-BE49-F238E27FC236}">
                <a16:creationId xmlns:a16="http://schemas.microsoft.com/office/drawing/2014/main" id="{A987D5DF-AFBB-4CAD-BE67-8C618DDA72D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096863" y="1020591"/>
            <a:ext cx="0" cy="400221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M_30b2a413c894426fb1f6173ba9a46fa8_Connector3">
            <a:extLst>
              <a:ext uri="{FF2B5EF4-FFF2-40B4-BE49-F238E27FC236}">
                <a16:creationId xmlns:a16="http://schemas.microsoft.com/office/drawing/2014/main" id="{43BEE61C-D1D9-45A2-8826-9B083A023D3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096863" y="1766422"/>
            <a:ext cx="0" cy="1767457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M_4acbb1b82ca34d10bcc3035f7cece7ed_Connector3">
            <a:extLst>
              <a:ext uri="{FF2B5EF4-FFF2-40B4-BE49-F238E27FC236}">
                <a16:creationId xmlns:a16="http://schemas.microsoft.com/office/drawing/2014/main" id="{F6CC0B8A-C1A2-496B-B8F6-0739F4EA5F8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508265" y="3317979"/>
            <a:ext cx="0" cy="215900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M_41be0c39f31b4b348b2732fec18f0610_Connector3">
            <a:extLst>
              <a:ext uri="{FF2B5EF4-FFF2-40B4-BE49-F238E27FC236}">
                <a16:creationId xmlns:a16="http://schemas.microsoft.com/office/drawing/2014/main" id="{23EEF205-FDEA-46DE-8317-54FD5FD07EE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513346" y="3317979"/>
            <a:ext cx="0" cy="215900"/>
          </a:xfrm>
          <a:prstGeom prst="line">
            <a:avLst/>
          </a:prstGeom>
          <a:ln w="19050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7491DD8-39B6-46F3-A1FE-722343B1097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44465" y="3533879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51050F"/>
              </a:gs>
              <a:gs pos="100000">
                <a:srgbClr val="7F0818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51050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2461031-2CCE-409F-9A02-C94B322219F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07965" y="3567851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C69B54D-392E-4022-B703-F7B04A759983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960861" y="3567851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60039F13-0C32-465E-82BB-737D745A54E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013757" y="3567851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15" name="OTLSHAPE_TB_00000000000000000000000000000000_ScaleMarking1">
            <a:extLst>
              <a:ext uri="{FF2B5EF4-FFF2-40B4-BE49-F238E27FC236}">
                <a16:creationId xmlns:a16="http://schemas.microsoft.com/office/drawing/2014/main" id="{2D82CB63-90DE-458D-A51F-9E2967928DC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907965" y="334782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70" name="OTLSHAPE_TB_00000000000000000000000000000000_TimescaleInterval4">
            <a:extLst>
              <a:ext uri="{FF2B5EF4-FFF2-40B4-BE49-F238E27FC236}">
                <a16:creationId xmlns:a16="http://schemas.microsoft.com/office/drawing/2014/main" id="{C1D43E8C-D488-412B-8880-2E2909034E7E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058023" y="3567851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71" name="OTLSHAPE_TB_00000000000000000000000000000000_TimescaleInterval5">
            <a:extLst>
              <a:ext uri="{FF2B5EF4-FFF2-40B4-BE49-F238E27FC236}">
                <a16:creationId xmlns:a16="http://schemas.microsoft.com/office/drawing/2014/main" id="{F88ADD41-8B8C-4B0F-AB42-20857554389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110919" y="3567851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72" name="OTLSHAPE_TB_00000000000000000000000000000000_TimescaleInterval6">
            <a:extLst>
              <a:ext uri="{FF2B5EF4-FFF2-40B4-BE49-F238E27FC236}">
                <a16:creationId xmlns:a16="http://schemas.microsoft.com/office/drawing/2014/main" id="{1D924183-BA53-4DE5-A07F-0BDBC6FBCA8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163815" y="3567851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73" name="OTLSHAPE_TB_00000000000000000000000000000000_TimescaleInterval7">
            <a:extLst>
              <a:ext uri="{FF2B5EF4-FFF2-40B4-BE49-F238E27FC236}">
                <a16:creationId xmlns:a16="http://schemas.microsoft.com/office/drawing/2014/main" id="{BCA3C93A-8070-4A4D-8B79-BC60D7A1A79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208081" y="3567851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79" name="OTLSHAPE_TB_00000000000000000000000000000000_ScaleMarking2">
            <a:extLst>
              <a:ext uri="{FF2B5EF4-FFF2-40B4-BE49-F238E27FC236}">
                <a16:creationId xmlns:a16="http://schemas.microsoft.com/office/drawing/2014/main" id="{2CAD1103-E2CE-40E6-A2D4-B46874A0479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058023" y="334782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169" name="OTLSHAPE_TB_00000000000000000000000000000000_ScaleMarking3">
            <a:extLst>
              <a:ext uri="{FF2B5EF4-FFF2-40B4-BE49-F238E27FC236}">
                <a16:creationId xmlns:a16="http://schemas.microsoft.com/office/drawing/2014/main" id="{28ADE02B-1287-495F-9B14-8ECE9E1E16A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208081" y="334782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51050F">
                    <a:alpha val="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250" name="OTLSHAPE_TB_00000000000000000000000000000000_ScaleMarking4">
            <a:extLst>
              <a:ext uri="{FF2B5EF4-FFF2-40B4-BE49-F238E27FC236}">
                <a16:creationId xmlns:a16="http://schemas.microsoft.com/office/drawing/2014/main" id="{0C0D2D3E-965A-4163-AC4C-A6624D57CCC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0358139" y="334782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269" name="OTLSHAPE_TB_00000000000000000000000000000000_TimescaleInterval8">
            <a:extLst>
              <a:ext uri="{FF2B5EF4-FFF2-40B4-BE49-F238E27FC236}">
                <a16:creationId xmlns:a16="http://schemas.microsoft.com/office/drawing/2014/main" id="{241457A4-F715-4941-99CB-DA84562FB8F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260977" y="3567851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270" name="OTLSHAPE_TB_00000000000000000000000000000000_TimescaleInterval9">
            <a:extLst>
              <a:ext uri="{FF2B5EF4-FFF2-40B4-BE49-F238E27FC236}">
                <a16:creationId xmlns:a16="http://schemas.microsoft.com/office/drawing/2014/main" id="{20A61B6E-27D4-455F-AA03-B6BE9B49601B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313873" y="3567851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 dirty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271" name="OTLSHAPE_TB_00000000000000000000000000000000_TimescaleInterval10">
            <a:extLst>
              <a:ext uri="{FF2B5EF4-FFF2-40B4-BE49-F238E27FC236}">
                <a16:creationId xmlns:a16="http://schemas.microsoft.com/office/drawing/2014/main" id="{00C1E4DE-74BF-4302-8C32-FFDF367A60C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0358139" y="3567851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rgbClr val="51050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34" name="OTLSHAPE_T_82a65a0c3f6343829eb0a6fdc3487515_Shape">
            <a:extLst>
              <a:ext uri="{FF2B5EF4-FFF2-40B4-BE49-F238E27FC236}">
                <a16:creationId xmlns:a16="http://schemas.microsoft.com/office/drawing/2014/main" id="{29A3524F-EFB5-494D-946E-7A8139D60863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074379" y="3991079"/>
            <a:ext cx="1473200" cy="127000"/>
          </a:xfrm>
          <a:prstGeom prst="chevron">
            <a:avLst/>
          </a:prstGeom>
          <a:solidFill>
            <a:srgbClr val="F78812"/>
          </a:solidFill>
          <a:ln w="19050" cap="flat" cmpd="sng" algn="ctr">
            <a:solidFill>
              <a:srgbClr val="D62828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7" name="OTLSHAPE_T_a9146eda728b4ed8b368a4af7b4dd3d4_Shape">
            <a:extLst>
              <a:ext uri="{FF2B5EF4-FFF2-40B4-BE49-F238E27FC236}">
                <a16:creationId xmlns:a16="http://schemas.microsoft.com/office/drawing/2014/main" id="{8F5BD1ED-67CB-418A-A281-11D13773E03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667465" y="4501788"/>
            <a:ext cx="419100" cy="127000"/>
          </a:xfrm>
          <a:prstGeom prst="chevron">
            <a:avLst/>
          </a:prstGeom>
          <a:solidFill>
            <a:srgbClr val="F78812"/>
          </a:solidFill>
          <a:ln w="19050" cap="flat" cmpd="sng" algn="ctr">
            <a:solidFill>
              <a:srgbClr val="D62828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9" name="OTLSHAPE_T_51e8e081f91945d59275ed2ddac145de_Shape">
            <a:extLst>
              <a:ext uri="{FF2B5EF4-FFF2-40B4-BE49-F238E27FC236}">
                <a16:creationId xmlns:a16="http://schemas.microsoft.com/office/drawing/2014/main" id="{391C196C-2DB3-45D1-BE54-15F6F4615D4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835726" y="5012498"/>
            <a:ext cx="444500" cy="127000"/>
          </a:xfrm>
          <a:prstGeom prst="chevron">
            <a:avLst/>
          </a:prstGeom>
          <a:solidFill>
            <a:srgbClr val="F78812"/>
          </a:solidFill>
          <a:ln w="19050" cap="flat" cmpd="sng" algn="ctr">
            <a:solidFill>
              <a:srgbClr val="D62828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T_cf4167e0fc504b628c739b3628292d77_Shape">
            <a:extLst>
              <a:ext uri="{FF2B5EF4-FFF2-40B4-BE49-F238E27FC236}">
                <a16:creationId xmlns:a16="http://schemas.microsoft.com/office/drawing/2014/main" id="{4B07293C-03D6-4180-B667-C4D4DB54A80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611913" y="5523207"/>
            <a:ext cx="330200" cy="127000"/>
          </a:xfrm>
          <a:prstGeom prst="chevron">
            <a:avLst/>
          </a:prstGeom>
          <a:solidFill>
            <a:srgbClr val="F78812"/>
          </a:solidFill>
          <a:ln w="19050" cap="flat" cmpd="sng" algn="ctr">
            <a:solidFill>
              <a:srgbClr val="D62828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1" name="OTLSHAPE_T_b3d0d9fc879c4f19a8e9dce0b7d8bcc5_Shape">
            <a:extLst>
              <a:ext uri="{FF2B5EF4-FFF2-40B4-BE49-F238E27FC236}">
                <a16:creationId xmlns:a16="http://schemas.microsoft.com/office/drawing/2014/main" id="{55F106BE-5225-4076-8741-D85497AC645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831344" y="3991079"/>
            <a:ext cx="469900" cy="127000"/>
          </a:xfrm>
          <a:prstGeom prst="chevron">
            <a:avLst/>
          </a:prstGeom>
          <a:solidFill>
            <a:srgbClr val="F78812"/>
          </a:solidFill>
          <a:ln w="19050" cap="flat" cmpd="sng" algn="ctr">
            <a:solidFill>
              <a:srgbClr val="D62828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T_a367abb603f84d15ad304af21078c5dc_Shape">
            <a:extLst>
              <a:ext uri="{FF2B5EF4-FFF2-40B4-BE49-F238E27FC236}">
                <a16:creationId xmlns:a16="http://schemas.microsoft.com/office/drawing/2014/main" id="{C733ABD1-33B2-4275-BF01-B261D11ED5A6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504998" y="4501788"/>
            <a:ext cx="228600" cy="127000"/>
          </a:xfrm>
          <a:prstGeom prst="chevron">
            <a:avLst/>
          </a:prstGeom>
          <a:solidFill>
            <a:srgbClr val="F78812"/>
          </a:solidFill>
          <a:ln w="19050" cap="flat" cmpd="sng" algn="ctr">
            <a:solidFill>
              <a:srgbClr val="D62828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9" name="OTLSHAPE_T_26a9c9ae6fde47729c7e03c65bb60a90_Shape">
            <a:extLst>
              <a:ext uri="{FF2B5EF4-FFF2-40B4-BE49-F238E27FC236}">
                <a16:creationId xmlns:a16="http://schemas.microsoft.com/office/drawing/2014/main" id="{DE046668-2EE1-49E4-8EB2-48E42DAA82B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980786" y="6033916"/>
            <a:ext cx="393700" cy="127000"/>
          </a:xfrm>
          <a:prstGeom prst="chevron">
            <a:avLst/>
          </a:prstGeom>
          <a:solidFill>
            <a:srgbClr val="F78812"/>
          </a:solidFill>
          <a:ln w="19050" cap="flat" cmpd="sng" algn="ctr">
            <a:solidFill>
              <a:srgbClr val="D62828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3" name="OTLSHAPE_T_349e7e005c94473caa1d0049cc7ab7da_Shape">
            <a:extLst>
              <a:ext uri="{FF2B5EF4-FFF2-40B4-BE49-F238E27FC236}">
                <a16:creationId xmlns:a16="http://schemas.microsoft.com/office/drawing/2014/main" id="{C471DABD-166F-4304-ADD3-0C5C17A2F05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574975" y="5012498"/>
            <a:ext cx="241300" cy="127000"/>
          </a:xfrm>
          <a:prstGeom prst="chevron">
            <a:avLst/>
          </a:prstGeom>
          <a:solidFill>
            <a:srgbClr val="F78812"/>
          </a:solidFill>
          <a:ln w="19050" cap="flat" cmpd="sng" algn="ctr">
            <a:solidFill>
              <a:srgbClr val="D62828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6" name="OTLSHAPE_T_da2ce2fa27934678909facfc7d43957d_Shape">
            <a:extLst>
              <a:ext uri="{FF2B5EF4-FFF2-40B4-BE49-F238E27FC236}">
                <a16:creationId xmlns:a16="http://schemas.microsoft.com/office/drawing/2014/main" id="{0248430B-8496-4F30-A087-BE57632AEE6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921488" y="4501788"/>
            <a:ext cx="254000" cy="127000"/>
          </a:xfrm>
          <a:prstGeom prst="chevron">
            <a:avLst/>
          </a:prstGeom>
          <a:solidFill>
            <a:srgbClr val="F78812"/>
          </a:solidFill>
          <a:ln w="19050" cap="flat" cmpd="sng" algn="ctr">
            <a:solidFill>
              <a:srgbClr val="D62828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OTLSHAPE_T_82a65a0c3f6343829eb0a6fdc3487515_Title">
            <a:extLst>
              <a:ext uri="{FF2B5EF4-FFF2-40B4-BE49-F238E27FC236}">
                <a16:creationId xmlns:a16="http://schemas.microsoft.com/office/drawing/2014/main" id="{732E46E3-380F-4FA5-A7FE-6E5BC3415CC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74379" y="4118079"/>
            <a:ext cx="23876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elts wear masks to ward off spiri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800-450 BC)</a:t>
            </a:r>
            <a:endParaRPr kumimoji="0" lang="en-US" sz="1200" b="1" u="none" strike="noStrike" kern="1200" cap="none" normalizeH="0" baseline="0" noProof="0" dirty="0">
              <a:ln>
                <a:noFill/>
              </a:ln>
              <a:solidFill>
                <a:schemeClr val="accent4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</p:txBody>
      </p:sp>
      <p:sp>
        <p:nvSpPr>
          <p:cNvPr id="59" name="OTLSHAPE_T_a9146eda728b4ed8b368a4af7b4dd3d4_Title">
            <a:extLst>
              <a:ext uri="{FF2B5EF4-FFF2-40B4-BE49-F238E27FC236}">
                <a16:creationId xmlns:a16="http://schemas.microsoft.com/office/drawing/2014/main" id="{76A811EB-EF8F-4106-8D3B-005C2602512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667465" y="4616927"/>
            <a:ext cx="1485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Samhain Celebration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50 BC - 50 AD)</a:t>
            </a:r>
            <a:endParaRPr kumimoji="0" lang="en-US" sz="1200" b="1" u="none" strike="noStrike" kern="1200" cap="none" normalizeH="0" baseline="0" noProof="0" dirty="0">
              <a:ln>
                <a:noFill/>
              </a:ln>
              <a:solidFill>
                <a:schemeClr val="accent4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</p:txBody>
      </p:sp>
      <p:sp>
        <p:nvSpPr>
          <p:cNvPr id="69" name="OTLSHAPE_T_51e8e081f91945d59275ed2ddac145de_Title">
            <a:extLst>
              <a:ext uri="{FF2B5EF4-FFF2-40B4-BE49-F238E27FC236}">
                <a16:creationId xmlns:a16="http://schemas.microsoft.com/office/drawing/2014/main" id="{84CD6F63-77EB-4063-B5CF-3F10FE947D1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835726" y="5139498"/>
            <a:ext cx="24511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Romans merge Samhain and Feralia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43-84 AD)</a:t>
            </a:r>
          </a:p>
        </p:txBody>
      </p:sp>
      <p:sp>
        <p:nvSpPr>
          <p:cNvPr id="99" name="OTLSHAPE_T_cf4167e0fc504b628c739b3628292d77_Title">
            <a:extLst>
              <a:ext uri="{FF2B5EF4-FFF2-40B4-BE49-F238E27FC236}">
                <a16:creationId xmlns:a16="http://schemas.microsoft.com/office/drawing/2014/main" id="{DEA56553-4665-477B-BF67-FA6F94A8036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611913" y="5650207"/>
            <a:ext cx="49911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Pope Gregory III renames the 'All Saints Day' and moves it to November 1s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731-741 AD)</a:t>
            </a:r>
          </a:p>
        </p:txBody>
      </p:sp>
      <p:sp>
        <p:nvSpPr>
          <p:cNvPr id="108" name="OTLSHAPE_T_b3d0d9fc879c4f19a8e9dce0b7d8bcc5_Title">
            <a:extLst>
              <a:ext uri="{FF2B5EF4-FFF2-40B4-BE49-F238E27FC236}">
                <a16:creationId xmlns:a16="http://schemas.microsoft.com/office/drawing/2014/main" id="{4AF68080-D513-486B-A719-96F0C5853A9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831344" y="4118079"/>
            <a:ext cx="24765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Aztecs</a:t>
            </a:r>
            <a:r>
              <a:rPr kumimoji="0" lang="es-E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 </a:t>
            </a:r>
            <a:r>
              <a:rPr kumimoji="0" lang="en-GB" sz="1200" b="1" u="none" strike="noStrike" kern="1200" cap="none" normalizeH="0" baseline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elebrate</a:t>
            </a:r>
            <a:r>
              <a:rPr kumimoji="0" lang="es-E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 'Día de Los Muertos’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300-1500) </a:t>
            </a:r>
            <a:endParaRPr kumimoji="0" lang="en-US" sz="1200" b="1" u="none" strike="noStrike" kern="1200" cap="none" normalizeH="0" baseline="0" noProof="0" dirty="0">
              <a:ln>
                <a:noFill/>
              </a:ln>
              <a:solidFill>
                <a:schemeClr val="accent4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</p:txBody>
      </p:sp>
      <p:sp>
        <p:nvSpPr>
          <p:cNvPr id="116" name="OTLSHAPE_T_a367abb603f84d15ad304af21078c5dc_Title">
            <a:extLst>
              <a:ext uri="{FF2B5EF4-FFF2-40B4-BE49-F238E27FC236}">
                <a16:creationId xmlns:a16="http://schemas.microsoft.com/office/drawing/2014/main" id="{DEB4CFE1-155E-489F-9A4F-0BA45AF4F69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504998" y="4616927"/>
            <a:ext cx="12446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Salem Witch Trial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692-1693)</a:t>
            </a:r>
          </a:p>
        </p:txBody>
      </p:sp>
      <p:sp>
        <p:nvSpPr>
          <p:cNvPr id="126" name="OTLSHAPE_T_26a9c9ae6fde47729c7e03c65bb60a90_Title">
            <a:extLst>
              <a:ext uri="{FF2B5EF4-FFF2-40B4-BE49-F238E27FC236}">
                <a16:creationId xmlns:a16="http://schemas.microsoft.com/office/drawing/2014/main" id="{C6DF93EC-3DA9-4AFD-89BE-53DBFE89990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980786" y="6160916"/>
            <a:ext cx="24384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Ghosts depicted wearing bed shee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750-1850)</a:t>
            </a:r>
            <a:endParaRPr kumimoji="0" lang="en-US" sz="1200" b="1" u="none" strike="noStrike" kern="1200" cap="none" normalizeH="0" baseline="0" noProof="0" dirty="0">
              <a:ln>
                <a:noFill/>
              </a:ln>
              <a:solidFill>
                <a:schemeClr val="accent4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</p:txBody>
      </p:sp>
      <p:sp>
        <p:nvSpPr>
          <p:cNvPr id="150" name="OTLSHAPE_T_349e7e005c94473caa1d0049cc7ab7da_Title">
            <a:extLst>
              <a:ext uri="{FF2B5EF4-FFF2-40B4-BE49-F238E27FC236}">
                <a16:creationId xmlns:a16="http://schemas.microsoft.com/office/drawing/2014/main" id="{E06B1F92-D51D-4CB9-954D-C0364428DFC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574975" y="5127637"/>
            <a:ext cx="27305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Mass production of Halloween costum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900-1920)</a:t>
            </a:r>
          </a:p>
        </p:txBody>
      </p:sp>
      <p:sp>
        <p:nvSpPr>
          <p:cNvPr id="193" name="OTLSHAPE_T_da2ce2fa27934678909facfc7d43957d_Title">
            <a:extLst>
              <a:ext uri="{FF2B5EF4-FFF2-40B4-BE49-F238E27FC236}">
                <a16:creationId xmlns:a16="http://schemas.microsoft.com/office/drawing/2014/main" id="{A346F888-B9F6-4EC0-83ED-FEDFAEE3B0C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921488" y="4616927"/>
            <a:ext cx="2374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andy becomes 'the treat' of choic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950-1970)</a:t>
            </a:r>
          </a:p>
        </p:txBody>
      </p:sp>
      <p:sp>
        <p:nvSpPr>
          <p:cNvPr id="25" name="OTLSHAPE_M_d6f426c6a59b440ab1ded887b1832fef_Shape">
            <a:extLst>
              <a:ext uri="{FF2B5EF4-FFF2-40B4-BE49-F238E27FC236}">
                <a16:creationId xmlns:a16="http://schemas.microsoft.com/office/drawing/2014/main" id="{325A432A-8111-4D44-A3A8-9AE1D5BCF49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rot="5400000">
            <a:off x="6107324" y="451372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M_ef1f76c0b4ca4e028200d97fb96ceb28_Shape">
            <a:extLst>
              <a:ext uri="{FF2B5EF4-FFF2-40B4-BE49-F238E27FC236}">
                <a16:creationId xmlns:a16="http://schemas.microsoft.com/office/drawing/2014/main" id="{A666C4F3-28BE-4A5D-9B50-6BEB620FBCE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 rot="5400000">
            <a:off x="5969240" y="3119774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M_bc9d606de9584d1f8fd2a7a060a2de8e_Shape">
            <a:extLst>
              <a:ext uri="{FF2B5EF4-FFF2-40B4-BE49-F238E27FC236}">
                <a16:creationId xmlns:a16="http://schemas.microsoft.com/office/drawing/2014/main" id="{C8F2695C-8794-4604-951B-240E1A13CEB5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rot="16200000">
            <a:off x="6371427" y="822386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M_28e0f0403817446cae033f65e49c7e24_Shape">
            <a:extLst>
              <a:ext uri="{FF2B5EF4-FFF2-40B4-BE49-F238E27FC236}">
                <a16:creationId xmlns:a16="http://schemas.microsoft.com/office/drawing/2014/main" id="{27D8BDEE-E043-471C-82C1-46A6C6D471BB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 rot="5400000">
            <a:off x="3311108" y="1801230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" name="OTLSHAPE_M_11811f1cf4a0471eadaf3330105b25bc_Shape">
            <a:extLst>
              <a:ext uri="{FF2B5EF4-FFF2-40B4-BE49-F238E27FC236}">
                <a16:creationId xmlns:a16="http://schemas.microsoft.com/office/drawing/2014/main" id="{515A86CE-E4E9-43FC-86B8-BC1917CEAC4D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 rot="5400000">
            <a:off x="3872078" y="2615759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" name="OTLSHAPE_M_4acbb1b82ca34d10bcc3035f7cece7ed_Shape">
            <a:extLst>
              <a:ext uri="{FF2B5EF4-FFF2-40B4-BE49-F238E27FC236}">
                <a16:creationId xmlns:a16="http://schemas.microsoft.com/office/drawing/2014/main" id="{A0025311-A0C0-4A89-8DAC-971A9AAADEC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rot="5400000">
            <a:off x="4381265" y="1408884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8" name="OTLSHAPE_M_8490a803292041d5a4867f73209447c3_Shape">
            <a:extLst>
              <a:ext uri="{FF2B5EF4-FFF2-40B4-BE49-F238E27FC236}">
                <a16:creationId xmlns:a16="http://schemas.microsoft.com/office/drawing/2014/main" id="{21934A57-2DD5-4FA4-B757-CC676ED073F6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rot="16200000">
            <a:off x="6733900" y="1568217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5" name="OTLSHAPE_M_0706188816814a9b9e106679c5857917_Shape">
            <a:extLst>
              <a:ext uri="{FF2B5EF4-FFF2-40B4-BE49-F238E27FC236}">
                <a16:creationId xmlns:a16="http://schemas.microsoft.com/office/drawing/2014/main" id="{401F4367-0CE5-4A63-BE76-D10505791D8A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rot="16200000">
            <a:off x="7320759" y="2042523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4" name="OTLSHAPE_M_30b2a413c894426fb1f6173ba9a46fa8_Shape">
            <a:extLst>
              <a:ext uri="{FF2B5EF4-FFF2-40B4-BE49-F238E27FC236}">
                <a16:creationId xmlns:a16="http://schemas.microsoft.com/office/drawing/2014/main" id="{59B2A0CA-1107-4769-8251-BD58C9ADD1D7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7122263" y="471138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1" name="OTLSHAPE_M_a6eb5933957441ee997740cee513de97_Shape">
            <a:extLst>
              <a:ext uri="{FF2B5EF4-FFF2-40B4-BE49-F238E27FC236}">
                <a16:creationId xmlns:a16="http://schemas.microsoft.com/office/drawing/2014/main" id="{88B914A9-B26F-446B-B026-A1279809A1B1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rot="16200000">
            <a:off x="7355280" y="3119774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4" name="OTLSHAPE_M_760292bca208410ca4955a9ca79677d3_Shape">
            <a:extLst>
              <a:ext uri="{FF2B5EF4-FFF2-40B4-BE49-F238E27FC236}">
                <a16:creationId xmlns:a16="http://schemas.microsoft.com/office/drawing/2014/main" id="{0234FECA-A541-4A2D-A215-91EA576183C0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 rot="5400000">
            <a:off x="6046912" y="2090635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OTLSHAPE_M_433ef08518cb48f396e9774e77de0839_Shape">
            <a:extLst>
              <a:ext uri="{FF2B5EF4-FFF2-40B4-BE49-F238E27FC236}">
                <a16:creationId xmlns:a16="http://schemas.microsoft.com/office/drawing/2014/main" id="{BDD8D0BE-9D04-48B7-9E32-2825BB69CDE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rot="5400000">
            <a:off x="6383494" y="1182360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9" name="OTLSHAPE_M_7283102dff204149b4a71239bd21912f_Shape">
            <a:extLst>
              <a:ext uri="{FF2B5EF4-FFF2-40B4-BE49-F238E27FC236}">
                <a16:creationId xmlns:a16="http://schemas.microsoft.com/office/drawing/2014/main" id="{0B663F54-10C7-4407-9954-C055260D585A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 rot="16200000">
            <a:off x="8209680" y="2321037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2" name="OTLSHAPE_M_41be0c39f31b4b348b2732fec18f0610_Shape">
            <a:extLst>
              <a:ext uri="{FF2B5EF4-FFF2-40B4-BE49-F238E27FC236}">
                <a16:creationId xmlns:a16="http://schemas.microsoft.com/office/drawing/2014/main" id="{80D836D4-C213-4D6B-B533-DAFBB935793B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rot="16200000">
            <a:off x="9538746" y="1214042"/>
            <a:ext cx="101600" cy="101600"/>
          </a:xfrm>
          <a:prstGeom prst="flowChartMerge">
            <a:avLst/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M_d6f426c6a59b440ab1ded887b1832fef_Title">
            <a:extLst>
              <a:ext uri="{FF2B5EF4-FFF2-40B4-BE49-F238E27FC236}">
                <a16:creationId xmlns:a16="http://schemas.microsoft.com/office/drawing/2014/main" id="{E1B8B4D5-0D54-4753-99F8-C4E8C31A92A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864760" y="303968"/>
            <a:ext cx="32131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Irish potato famine brings Halloween to America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850)</a:t>
            </a:r>
          </a:p>
        </p:txBody>
      </p:sp>
      <p:sp>
        <p:nvSpPr>
          <p:cNvPr id="26" name="OTLSHAPE_M_ef1f76c0b4ca4e028200d97fb96ceb28_Title">
            <a:extLst>
              <a:ext uri="{FF2B5EF4-FFF2-40B4-BE49-F238E27FC236}">
                <a16:creationId xmlns:a16="http://schemas.microsoft.com/office/drawing/2014/main" id="{3A1A7A9C-6AB8-4C74-A7B6-B76C9F14C1C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200045" y="2960509"/>
            <a:ext cx="1739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Irish legend of Stingy Jack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800s)</a:t>
            </a:r>
          </a:p>
        </p:txBody>
      </p:sp>
      <p:sp>
        <p:nvSpPr>
          <p:cNvPr id="29" name="OTLSHAPE_M_bc9d606de9584d1f8fd2a7a060a2de8e_Title">
            <a:extLst>
              <a:ext uri="{FF2B5EF4-FFF2-40B4-BE49-F238E27FC236}">
                <a16:creationId xmlns:a16="http://schemas.microsoft.com/office/drawing/2014/main" id="{147AF723-3B9A-46F2-81DC-B784627C23B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498427" y="674982"/>
            <a:ext cx="29464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amille Saint-Saëns </a:t>
            </a:r>
            <a:r>
              <a:rPr kumimoji="0" lang="en-US" sz="1200" b="1" u="none" strike="noStrike" kern="1200" cap="none" normalizeH="0" baseline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writes</a:t>
            </a:r>
            <a:r>
              <a:rPr kumimoji="0" lang="fr-FR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 'Danse Macabre’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874)</a:t>
            </a:r>
            <a:endParaRPr kumimoji="0" lang="en-US" sz="1200" b="1" u="none" strike="noStrike" kern="1200" cap="none" normalizeH="0" baseline="0" noProof="0" dirty="0">
              <a:ln>
                <a:noFill/>
              </a:ln>
              <a:solidFill>
                <a:schemeClr val="accent4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</p:txBody>
      </p:sp>
      <p:sp>
        <p:nvSpPr>
          <p:cNvPr id="32" name="OTLSHAPE_M_28e0f0403817446cae033f65e49c7e24_Title">
            <a:extLst>
              <a:ext uri="{FF2B5EF4-FFF2-40B4-BE49-F238E27FC236}">
                <a16:creationId xmlns:a16="http://schemas.microsoft.com/office/drawing/2014/main" id="{FD7932BD-DF2F-4985-AA6D-5B9602187C7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0943" y="1653825"/>
            <a:ext cx="32512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Pope Boniface IV sets 'All Martyrs Day' on May 10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609 AD)</a:t>
            </a:r>
          </a:p>
        </p:txBody>
      </p:sp>
      <p:sp>
        <p:nvSpPr>
          <p:cNvPr id="38" name="OTLSHAPE_M_11811f1cf4a0471eadaf3330105b25bc_Title">
            <a:extLst>
              <a:ext uri="{FF2B5EF4-FFF2-40B4-BE49-F238E27FC236}">
                <a16:creationId xmlns:a16="http://schemas.microsoft.com/office/drawing/2014/main" id="{EB80D541-2545-43DE-9AE0-BA796F8574D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66717" y="2468354"/>
            <a:ext cx="35687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Pope Gregory IV merges Halloween and All Saints Day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837 AD)</a:t>
            </a:r>
          </a:p>
        </p:txBody>
      </p:sp>
      <p:sp>
        <p:nvSpPr>
          <p:cNvPr id="41" name="OTLSHAPE_M_4acbb1b82ca34d10bcc3035f7cece7ed_Title">
            <a:extLst>
              <a:ext uri="{FF2B5EF4-FFF2-40B4-BE49-F238E27FC236}">
                <a16:creationId xmlns:a16="http://schemas.microsoft.com/office/drawing/2014/main" id="{67C83EAC-5990-4EF2-A0FF-1F165F1807C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07849" y="1261479"/>
            <a:ext cx="33528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The church declares November 2nd 'All Souls Day’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000 AD)</a:t>
            </a:r>
          </a:p>
        </p:txBody>
      </p:sp>
      <p:sp>
        <p:nvSpPr>
          <p:cNvPr id="156" name="OTLSHAPE_M_8490a803292041d5a4867f73209447c3_Title">
            <a:extLst>
              <a:ext uri="{FF2B5EF4-FFF2-40B4-BE49-F238E27FC236}">
                <a16:creationId xmlns:a16="http://schemas.microsoft.com/office/drawing/2014/main" id="{682076D2-F1E7-4A9C-9119-CD0380CD2C0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860900" y="1420812"/>
            <a:ext cx="22860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1st Trick-or-treat in North America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911)</a:t>
            </a:r>
          </a:p>
        </p:txBody>
      </p:sp>
      <p:sp>
        <p:nvSpPr>
          <p:cNvPr id="183" name="OTLSHAPE_M_0706188816814a9b9e106679c5857917_Title">
            <a:extLst>
              <a:ext uri="{FF2B5EF4-FFF2-40B4-BE49-F238E27FC236}">
                <a16:creationId xmlns:a16="http://schemas.microsoft.com/office/drawing/2014/main" id="{2DFB4886-C55E-4753-A770-0FA157AC459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447759" y="1895118"/>
            <a:ext cx="15367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First 'Halloween' movi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978)</a:t>
            </a:r>
          </a:p>
        </p:txBody>
      </p:sp>
      <p:sp useBgFill="1">
        <p:nvSpPr>
          <p:cNvPr id="202" name="OTLSHAPE_M_30b2a413c894426fb1f6173ba9a46fa8_Title">
            <a:extLst>
              <a:ext uri="{FF2B5EF4-FFF2-40B4-BE49-F238E27FC236}">
                <a16:creationId xmlns:a16="http://schemas.microsoft.com/office/drawing/2014/main" id="{04E64042-A170-4C7D-AF53-45179B5A377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249263" y="323734"/>
            <a:ext cx="2832100" cy="345609"/>
          </a:xfrm>
          <a:prstGeom prst="rect">
            <a:avLst/>
          </a:prstGeom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'</a:t>
            </a: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Boris</a:t>
            </a:r>
            <a:r>
              <a:rPr kumimoji="0" lang="es-E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'</a:t>
            </a: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 Pickett's Monster Mash is release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962)</a:t>
            </a:r>
          </a:p>
        </p:txBody>
      </p:sp>
      <p:sp>
        <p:nvSpPr>
          <p:cNvPr id="229" name="OTLSHAPE_M_a6eb5933957441ee997740cee513de97_Title">
            <a:extLst>
              <a:ext uri="{FF2B5EF4-FFF2-40B4-BE49-F238E27FC236}">
                <a16:creationId xmlns:a16="http://schemas.microsoft.com/office/drawing/2014/main" id="{84984D10-80C8-486C-ADD4-D5C3A4B050FC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482280" y="2972370"/>
            <a:ext cx="21082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The Texas Halloween Poison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980)</a:t>
            </a:r>
          </a:p>
        </p:txBody>
      </p:sp>
      <p:sp>
        <p:nvSpPr>
          <p:cNvPr id="232" name="OTLSHAPE_M_760292bca208410ca4955a9ca79677d3_Title">
            <a:extLst>
              <a:ext uri="{FF2B5EF4-FFF2-40B4-BE49-F238E27FC236}">
                <a16:creationId xmlns:a16="http://schemas.microsoft.com/office/drawing/2014/main" id="{A3470095-97C5-4B26-80DB-D5C3111BB3D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739280" y="1943230"/>
            <a:ext cx="22860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Mary Shelley writes 'Frankenstein’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818)</a:t>
            </a:r>
          </a:p>
        </p:txBody>
      </p:sp>
      <p:sp>
        <p:nvSpPr>
          <p:cNvPr id="235" name="OTLSHAPE_M_433ef08518cb48f396e9774e77de0839_Title">
            <a:extLst>
              <a:ext uri="{FF2B5EF4-FFF2-40B4-BE49-F238E27FC236}">
                <a16:creationId xmlns:a16="http://schemas.microsoft.com/office/drawing/2014/main" id="{69C748F9-15B2-42C5-86D2-A164786355C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513292" y="1034955"/>
            <a:ext cx="18542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Bram Stoker writes Dracula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1897)</a:t>
            </a:r>
          </a:p>
        </p:txBody>
      </p:sp>
      <p:sp>
        <p:nvSpPr>
          <p:cNvPr id="257" name="OTLSHAPE_M_7283102dff204149b4a71239bd21912f_Title">
            <a:extLst>
              <a:ext uri="{FF2B5EF4-FFF2-40B4-BE49-F238E27FC236}">
                <a16:creationId xmlns:a16="http://schemas.microsoft.com/office/drawing/2014/main" id="{2135F623-F844-4295-A4CA-842BB2FEEB2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336680" y="2173632"/>
            <a:ext cx="31623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Sexy Halloween costumes become mainstream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2000s)</a:t>
            </a:r>
          </a:p>
        </p:txBody>
      </p:sp>
      <p:sp>
        <p:nvSpPr>
          <p:cNvPr id="260" name="OTLSHAPE_M_41be0c39f31b4b348b2732fec18f0610_Title">
            <a:extLst>
              <a:ext uri="{FF2B5EF4-FFF2-40B4-BE49-F238E27FC236}">
                <a16:creationId xmlns:a16="http://schemas.microsoft.com/office/drawing/2014/main" id="{860FF40B-B3BE-4E78-9004-E5CA3EB3A35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665746" y="1066637"/>
            <a:ext cx="2400300" cy="3456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Halloween brings $9 billion annually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(PRESENT DAY)</a:t>
            </a:r>
          </a:p>
        </p:txBody>
      </p:sp>
      <p:pic>
        <p:nvPicPr>
          <p:cNvPr id="160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CEA92DA4-41DC-48AF-9E85-44FBF3CAA4E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971159" y="307412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7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00BB287F-86EC-46CD-8167-A5712DDB45D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308921" y="174062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8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81C50420-90E1-412A-A116-DC8521A9252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870896" y="2569295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0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539C8A91-2FB8-49EF-BAF6-09962AC65DF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388421" y="136597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1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7F34708D-8332-48C2-BD77-D0D5531C404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045771" y="205177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3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2FD26E50-7807-4152-9E06-05C5FF0FB9F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388671" y="114372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5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496FC723-2483-48FA-A8EF-A08FAFF286E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115621" y="40712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6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EF96A022-145C-4637-B2E5-CC35E11B696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979221" y="41347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7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1F7E125A-A395-416E-A526-6565E5AA1AB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591871" y="151202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8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8B17EAB2-F0D9-4E2B-93FD-1EEF89ADC25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176071" y="198827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9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644185EB-CB99-435B-83F7-C1121A8DFA5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206234" y="306777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0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CA7344C6-7771-47FE-A15C-FD88F2FEC77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8065071" y="227402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1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FA3CF8B6-EBF1-4B88-B8F8-1A5FC97A8BF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392221" y="116277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39" name="Rectangle 238">
            <a:extLst>
              <a:ext uri="{FF2B5EF4-FFF2-40B4-BE49-F238E27FC236}">
                <a16:creationId xmlns:a16="http://schemas.microsoft.com/office/drawing/2014/main" id="{CD64FDF0-3A79-40D8-BC93-EE500D10AC88}"/>
              </a:ext>
            </a:extLst>
          </p:cNvPr>
          <p:cNvSpPr/>
          <p:nvPr/>
        </p:nvSpPr>
        <p:spPr>
          <a:xfrm>
            <a:off x="733523" y="3503434"/>
            <a:ext cx="10691764" cy="342704"/>
          </a:xfrm>
          <a:prstGeom prst="rect">
            <a:avLst/>
          </a:prstGeom>
          <a:gradFill flip="none" rotWithShape="1">
            <a:gsLst>
              <a:gs pos="0">
                <a:srgbClr val="FF9E00">
                  <a:shade val="30000"/>
                  <a:satMod val="115000"/>
                </a:srgbClr>
              </a:gs>
              <a:gs pos="50000">
                <a:srgbClr val="FF9E00">
                  <a:shade val="67500"/>
                  <a:satMod val="115000"/>
                </a:srgbClr>
              </a:gs>
              <a:gs pos="100000">
                <a:srgbClr val="FF9E00">
                  <a:shade val="100000"/>
                  <a:satMod val="115000"/>
                </a:srgbClr>
              </a:gs>
            </a:gsLst>
            <a:path path="circle">
              <a:fillToRect r="100000" b="100000"/>
            </a:path>
            <a:tileRect l="-100000" t="-100000"/>
          </a:gradFill>
          <a:ln>
            <a:noFill/>
          </a:ln>
          <a:effectLst>
            <a:glow rad="228600">
              <a:schemeClr val="accent2">
                <a:satMod val="175000"/>
                <a:alpha val="26000"/>
              </a:schemeClr>
            </a:glow>
            <a:softEdge rad="6350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38" name="Picture 237" descr="A black rectangle with a black background&#10;&#10;Description automatically generated with low confidence">
            <a:extLst>
              <a:ext uri="{FF2B5EF4-FFF2-40B4-BE49-F238E27FC236}">
                <a16:creationId xmlns:a16="http://schemas.microsoft.com/office/drawing/2014/main" id="{9830852C-B0C7-44D7-AD3E-BE118227AB9E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48339" y="2892199"/>
            <a:ext cx="927232" cy="1035540"/>
          </a:xfrm>
          <a:prstGeom prst="rect">
            <a:avLst/>
          </a:prstGeom>
        </p:spPr>
      </p:pic>
      <p:pic>
        <p:nvPicPr>
          <p:cNvPr id="241" name="Picture 240" descr="Map&#10;&#10;Description automatically generated">
            <a:extLst>
              <a:ext uri="{FF2B5EF4-FFF2-40B4-BE49-F238E27FC236}">
                <a16:creationId xmlns:a16="http://schemas.microsoft.com/office/drawing/2014/main" id="{6B69B5D6-E359-498A-942E-4F6420ECCD21}"/>
              </a:ext>
            </a:extLst>
          </p:cNvPr>
          <p:cNvPicPr>
            <a:picLocks noChangeAspect="1"/>
          </p:cNvPicPr>
          <p:nvPr/>
        </p:nvPicPr>
        <p:blipFill>
          <a:blip r:embed="rId9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8257587">
            <a:off x="736303" y="3365786"/>
            <a:ext cx="810641" cy="795051"/>
          </a:xfrm>
          <a:prstGeom prst="rect">
            <a:avLst/>
          </a:prstGeom>
        </p:spPr>
      </p:pic>
      <p:pic>
        <p:nvPicPr>
          <p:cNvPr id="195" name="Picture 194" descr="Map&#10;&#10;Description automatically generated">
            <a:extLst>
              <a:ext uri="{FF2B5EF4-FFF2-40B4-BE49-F238E27FC236}">
                <a16:creationId xmlns:a16="http://schemas.microsoft.com/office/drawing/2014/main" id="{40B1F991-A72C-4A45-9FA4-87D705FD438D}"/>
              </a:ext>
            </a:extLst>
          </p:cNvPr>
          <p:cNvPicPr>
            <a:picLocks noChangeAspect="1"/>
          </p:cNvPicPr>
          <p:nvPr/>
        </p:nvPicPr>
        <p:blipFill>
          <a:blip r:embed="rId9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9899596">
            <a:off x="1529550" y="3163293"/>
            <a:ext cx="973121" cy="954406"/>
          </a:xfrm>
          <a:prstGeom prst="rect">
            <a:avLst/>
          </a:prstGeom>
        </p:spPr>
      </p:pic>
      <p:pic>
        <p:nvPicPr>
          <p:cNvPr id="243" name="Picture 242" descr="A picture containing text&#10;&#10;Description automatically generated">
            <a:extLst>
              <a:ext uri="{FF2B5EF4-FFF2-40B4-BE49-F238E27FC236}">
                <a16:creationId xmlns:a16="http://schemas.microsoft.com/office/drawing/2014/main" id="{F2557111-9689-4757-A797-4104D7E8BB22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7572211">
            <a:off x="2543513" y="3150630"/>
            <a:ext cx="1062493" cy="897072"/>
          </a:xfrm>
          <a:prstGeom prst="rect">
            <a:avLst/>
          </a:prstGeom>
        </p:spPr>
      </p:pic>
      <p:pic>
        <p:nvPicPr>
          <p:cNvPr id="196" name="Picture 195" descr="A picture containing text&#10;&#10;Description automatically generated">
            <a:extLst>
              <a:ext uri="{FF2B5EF4-FFF2-40B4-BE49-F238E27FC236}">
                <a16:creationId xmlns:a16="http://schemas.microsoft.com/office/drawing/2014/main" id="{3C352106-1CDA-4EB2-9A27-0300270D7E85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7572211">
            <a:off x="10115886" y="3272005"/>
            <a:ext cx="1062493" cy="897072"/>
          </a:xfrm>
          <a:prstGeom prst="rect">
            <a:avLst/>
          </a:prstGeom>
        </p:spPr>
      </p:pic>
      <p:pic>
        <p:nvPicPr>
          <p:cNvPr id="206" name="Picture 205" descr="A picture containing text&#10;&#10;Description automatically generated">
            <a:extLst>
              <a:ext uri="{FF2B5EF4-FFF2-40B4-BE49-F238E27FC236}">
                <a16:creationId xmlns:a16="http://schemas.microsoft.com/office/drawing/2014/main" id="{EAC249A5-751E-4836-B1A7-1E9A4565C8B3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7364610">
            <a:off x="4610437" y="3262481"/>
            <a:ext cx="1062493" cy="897072"/>
          </a:xfrm>
          <a:prstGeom prst="rect">
            <a:avLst/>
          </a:prstGeom>
        </p:spPr>
      </p:pic>
      <p:pic>
        <p:nvPicPr>
          <p:cNvPr id="207" name="Picture 206" descr="A picture containing text&#10;&#10;Description automatically generated">
            <a:extLst>
              <a:ext uri="{FF2B5EF4-FFF2-40B4-BE49-F238E27FC236}">
                <a16:creationId xmlns:a16="http://schemas.microsoft.com/office/drawing/2014/main" id="{B586D30C-D01C-4511-9D89-DB2289F8F01E}"/>
              </a:ext>
            </a:extLst>
          </p:cNvPr>
          <p:cNvPicPr>
            <a:picLocks noChangeAspect="1"/>
          </p:cNvPicPr>
          <p:nvPr/>
        </p:nvPicPr>
        <p:blipFill>
          <a:blip r:embed="rId93">
            <a:alphaModFix amt="8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5050434">
            <a:off x="2725862" y="3353371"/>
            <a:ext cx="2082659" cy="1758406"/>
          </a:xfrm>
          <a:prstGeom prst="rect">
            <a:avLst/>
          </a:prstGeom>
        </p:spPr>
      </p:pic>
      <p:pic>
        <p:nvPicPr>
          <p:cNvPr id="208" name="Picture 207" descr="Map&#10;&#10;Description automatically generated">
            <a:extLst>
              <a:ext uri="{FF2B5EF4-FFF2-40B4-BE49-F238E27FC236}">
                <a16:creationId xmlns:a16="http://schemas.microsoft.com/office/drawing/2014/main" id="{813EF65B-AAE7-4725-976C-21DE1A29BB78}"/>
              </a:ext>
            </a:extLst>
          </p:cNvPr>
          <p:cNvPicPr>
            <a:picLocks noChangeAspect="1"/>
          </p:cNvPicPr>
          <p:nvPr/>
        </p:nvPicPr>
        <p:blipFill>
          <a:blip r:embed="rId92">
            <a:alphaModFix amt="8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1219121">
            <a:off x="5342429" y="3324019"/>
            <a:ext cx="767989" cy="753219"/>
          </a:xfrm>
          <a:prstGeom prst="rect">
            <a:avLst/>
          </a:prstGeom>
        </p:spPr>
      </p:pic>
      <p:pic>
        <p:nvPicPr>
          <p:cNvPr id="210" name="Picture 209" descr="Map&#10;&#10;Description automatically generated">
            <a:extLst>
              <a:ext uri="{FF2B5EF4-FFF2-40B4-BE49-F238E27FC236}">
                <a16:creationId xmlns:a16="http://schemas.microsoft.com/office/drawing/2014/main" id="{6A44CAEA-DA15-433D-AB91-A480C58C115D}"/>
              </a:ext>
            </a:extLst>
          </p:cNvPr>
          <p:cNvPicPr>
            <a:picLocks noChangeAspect="1"/>
          </p:cNvPicPr>
          <p:nvPr/>
        </p:nvPicPr>
        <p:blipFill>
          <a:blip r:embed="rId92">
            <a:alphaModFix amt="73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8257587">
            <a:off x="6394152" y="3327686"/>
            <a:ext cx="810641" cy="795051"/>
          </a:xfrm>
          <a:prstGeom prst="rect">
            <a:avLst/>
          </a:prstGeom>
        </p:spPr>
      </p:pic>
      <p:pic>
        <p:nvPicPr>
          <p:cNvPr id="211" name="Picture 210" descr="Map&#10;&#10;Description automatically generated">
            <a:extLst>
              <a:ext uri="{FF2B5EF4-FFF2-40B4-BE49-F238E27FC236}">
                <a16:creationId xmlns:a16="http://schemas.microsoft.com/office/drawing/2014/main" id="{78F29617-EECD-4B5B-A201-AACB92BDC8EC}"/>
              </a:ext>
            </a:extLst>
          </p:cNvPr>
          <p:cNvPicPr>
            <a:picLocks noChangeAspect="1"/>
          </p:cNvPicPr>
          <p:nvPr/>
        </p:nvPicPr>
        <p:blipFill>
          <a:blip r:embed="rId92">
            <a:alphaModFix amt="71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8257587">
            <a:off x="7439825" y="3073616"/>
            <a:ext cx="1448501" cy="1420644"/>
          </a:xfrm>
          <a:prstGeom prst="rect">
            <a:avLst/>
          </a:prstGeom>
          <a:effectLst>
            <a:glow rad="127000">
              <a:schemeClr val="accent1">
                <a:alpha val="0"/>
              </a:schemeClr>
            </a:glow>
          </a:effectLst>
        </p:spPr>
      </p:pic>
      <p:pic>
        <p:nvPicPr>
          <p:cNvPr id="213" name="Picture 212" descr="A picture containing text&#10;&#10;Description automatically generated">
            <a:extLst>
              <a:ext uri="{FF2B5EF4-FFF2-40B4-BE49-F238E27FC236}">
                <a16:creationId xmlns:a16="http://schemas.microsoft.com/office/drawing/2014/main" id="{1C22A3D9-B63B-4794-9C8E-0D0E861FDF14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717709">
            <a:off x="8858585" y="3348205"/>
            <a:ext cx="1062493" cy="897072"/>
          </a:xfrm>
          <a:prstGeom prst="rect">
            <a:avLst/>
          </a:prstGeom>
        </p:spPr>
      </p:pic>
      <p:pic>
        <p:nvPicPr>
          <p:cNvPr id="214" name="Picture 213" descr="Map&#10;&#10;Description automatically generated">
            <a:extLst>
              <a:ext uri="{FF2B5EF4-FFF2-40B4-BE49-F238E27FC236}">
                <a16:creationId xmlns:a16="http://schemas.microsoft.com/office/drawing/2014/main" id="{F9E6F644-6F79-4003-A729-DAE53BC40EC1}"/>
              </a:ext>
            </a:extLst>
          </p:cNvPr>
          <p:cNvPicPr>
            <a:picLocks noChangeAspect="1"/>
          </p:cNvPicPr>
          <p:nvPr/>
        </p:nvPicPr>
        <p:blipFill>
          <a:blip r:embed="rId92">
            <a:alphaModFix amt="61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9899596">
            <a:off x="9435300" y="3372843"/>
            <a:ext cx="973121" cy="954406"/>
          </a:xfrm>
          <a:prstGeom prst="rect">
            <a:avLst/>
          </a:prstGeom>
        </p:spPr>
      </p:pic>
      <p:pic>
        <p:nvPicPr>
          <p:cNvPr id="194" name="Picture 193" descr="A black rectangle with a black background&#10;&#10;Description automatically generated with low confidence">
            <a:extLst>
              <a:ext uri="{FF2B5EF4-FFF2-40B4-BE49-F238E27FC236}">
                <a16:creationId xmlns:a16="http://schemas.microsoft.com/office/drawing/2014/main" id="{5A6F36DF-112C-49AA-A623-DE3C63E17935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29065" y="2905429"/>
            <a:ext cx="903540" cy="1009081"/>
          </a:xfrm>
          <a:prstGeom prst="rect">
            <a:avLst/>
          </a:prstGeom>
        </p:spPr>
      </p:pic>
      <p:pic>
        <p:nvPicPr>
          <p:cNvPr id="14" name="Picture 13" descr="Icon&#10;&#10;Description automatically generated">
            <a:extLst>
              <a:ext uri="{FF2B5EF4-FFF2-40B4-BE49-F238E27FC236}">
                <a16:creationId xmlns:a16="http://schemas.microsoft.com/office/drawing/2014/main" id="{086E973B-C5A3-4E25-BD49-2C33E852C08D}"/>
              </a:ext>
            </a:extLst>
          </p:cNvPr>
          <p:cNvPicPr>
            <a:picLocks noChangeAspect="1"/>
          </p:cNvPicPr>
          <p:nvPr/>
        </p:nvPicPr>
        <p:blipFill>
          <a:blip r:embed="rId87">
            <a:duotone>
              <a:schemeClr val="accent2">
                <a:shade val="45000"/>
                <a:satMod val="135000"/>
              </a:schemeClr>
              <a:prstClr val="white"/>
            </a:duotone>
            <a:alphaModFix amt="8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84446">
            <a:off x="197540" y="5692904"/>
            <a:ext cx="549201" cy="995719"/>
          </a:xfrm>
          <a:prstGeom prst="rect">
            <a:avLst/>
          </a:prstGeom>
        </p:spPr>
      </p:pic>
      <p:pic>
        <p:nvPicPr>
          <p:cNvPr id="174" name="Picture 14" descr="Halloween Pumpkin Clip Art Transparent - Carved Pumpkin Transparent  Background - Free Transparent PNG Clipart Images Download">
            <a:extLst>
              <a:ext uri="{FF2B5EF4-FFF2-40B4-BE49-F238E27FC236}">
                <a16:creationId xmlns:a16="http://schemas.microsoft.com/office/drawing/2014/main" id="{1DA9CC67-82C4-494F-9700-D45F904B437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226746" y="756370"/>
            <a:ext cx="247190" cy="199654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6" name="Picture 255">
            <a:extLst>
              <a:ext uri="{FF2B5EF4-FFF2-40B4-BE49-F238E27FC236}">
                <a16:creationId xmlns:a16="http://schemas.microsoft.com/office/drawing/2014/main" id="{95B8B801-80F4-46A8-947E-47BAB60AC789}"/>
              </a:ext>
            </a:extLst>
          </p:cNvPr>
          <p:cNvPicPr>
            <a:picLocks noChangeAspect="1"/>
          </p:cNvPicPr>
          <p:nvPr/>
        </p:nvPicPr>
        <p:blipFill>
          <a:blip r:embed="rId94"/>
          <a:stretch>
            <a:fillRect/>
          </a:stretch>
        </p:blipFill>
        <p:spPr>
          <a:xfrm>
            <a:off x="9513346" y="6372708"/>
            <a:ext cx="2334970" cy="323116"/>
          </a:xfrm>
          <a:prstGeom prst="rect">
            <a:avLst/>
          </a:prstGeom>
        </p:spPr>
      </p:pic>
      <p:sp>
        <p:nvSpPr>
          <p:cNvPr id="263" name="TextBox 262">
            <a:extLst>
              <a:ext uri="{FF2B5EF4-FFF2-40B4-BE49-F238E27FC236}">
                <a16:creationId xmlns:a16="http://schemas.microsoft.com/office/drawing/2014/main" id="{DD7ED384-88CF-4100-9B82-B16BDEC4F4F1}"/>
              </a:ext>
            </a:extLst>
          </p:cNvPr>
          <p:cNvSpPr txBox="1"/>
          <p:nvPr/>
        </p:nvSpPr>
        <p:spPr>
          <a:xfrm>
            <a:off x="816339" y="6247040"/>
            <a:ext cx="453588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n>
                  <a:solidFill>
                    <a:schemeClr val="accent2">
                      <a:lumMod val="75000"/>
                    </a:schemeClr>
                  </a:solidFill>
                </a:ln>
                <a:solidFill>
                  <a:schemeClr val="bg1"/>
                </a:solidFill>
                <a:latin typeface="Open Sans ExtraBold" panose="020B0906030804020204" pitchFamily="34" charset="0"/>
                <a:ea typeface="Open Sans ExtraBold" panose="020B0906030804020204" pitchFamily="34" charset="0"/>
                <a:cs typeface="Open Sans ExtraBold" panose="020B0906030804020204" pitchFamily="34" charset="0"/>
              </a:rPr>
              <a:t>History of Halloween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423784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CIsIk9yaWdpbmFsQXNzZW1ibHlWZXJzaW9uIjoiNi4wMy4wMC4wMCIsIkVkaXRpb24iOm51bGwsIkxhc3RTYXZlZEVkaXRpb24iOjMsIklzUGx1c0VkaXRpb24iOmZhbHNlLCJJc1Byb0VkaXRpb24iOmZhbHNlfSwiRWZmZWN0IjoxLCJTdHlsZSI6eyIkaWQiOiIzIiwiVGltZWJhbmRTdHlsZSI6eyIkaWQiOiI0IiwiU2NhbGVNYXJraW5nIjoxLCJTaGFwZSI6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4MSwiRyI6NSwiQiI6MTV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AuMCwiUmlnaHQiOjEwLjAsIkJvdHRvbSI6MC4wfSwiUGFkZGluZyI6eyIkaWQiOiIxNSIsIlRvcCI6My4wLCJMZWZ0IjowLjAsIlJpZ2h0IjowLjAsIkJvdHRvbSI6My4wfSwiQmFja2dyb3VuZCI6eyIkaWQiOiIxNiIsIkNvbG9yIjp7IiRpZCI6IjE3IiwiQSI6MjU1LCJSIjo2OCwiRyI6ODQsIkIiOjEwNn19LCJJc1Zpc2libGUiOnRydWUsIldpZHRoIjo4NTguMCwiSGVpZ2h0Ijoy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MSIsIlRvcCI6MC4wLCJMZWZ0IjoyMC4wLCJSaWdodCI6MC4wLCJCb3R0b20iOjAuMH0sIlBhZGRpbmciOnsiJGlkIjoiNDIiLCJUb3AiOjAuMCwiTGVmdCI6MC4wLCJSaWdodCI6MC4wLCJCb3R0b20iOjAuMH0sIkJhY2tncm91bmQiOnsiJGlkIjoiNDMiLCJDb2xvciI6eyIkcmVmIjoiMzYifX0sIklzVmlzaWJsZSI6ZmFsc2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ywiU2hvd1NlZ21lbnRTZXBhcmF0b3JzIjpmYWxzZSwiU2VnbWVudFNlcGFyYXRvck9wYWNpdHkiOjMwLCJIYXNCZWVuVmlzaWJsZUJlZm9yZSI6dHJ1ZSwiRm9udFNldHRpbmdzIjp7IiRpZCI6IjU3IiwiRm9udFNpemUiOjEyLCJGb250TmFtZSI6IkNhbGlicmkiLCJJc0JvbGQiOmZhbHNlLCJJc0l0YWxpYyI6ZmFsc2UsIklzVW5kZXJsaW5lZCI6ZmFsc2UsIlBhcmVudFN0eWxlIjpudWxsfSwiQXV0b1NpemUiOjAsIkZvcmVncm91bmQiOnsiJGlkIjoiNTgiLCJDb2xvciI6eyIkaWQiOiI1OSIsIkEiOjI1NSwiUiI6ODEsIkciOjUsIkIiOjE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zLCJTaG93U2VnbWVudFNlcGFyYXRvcnMiOmZhbHNlLCJTZWdtZW50U2VwYXJhdG9yT3BhY2l0eSI6MzAsIkhhc0JlZW5WaXNpYmxlQmVmb3JlIjpmYWxzZSwiRm9udFNldHRpbmdzIjp7IiRpZCI6IjY1IiwiRm9udFNpemUiOjEyLCJGb250TmFtZSI6IkNhbGlicmkiLCJJc0JvbGQiOmZhbHNlLCJJc0l0YWxpYyI6ZmFsc2UsIklzVW5kZXJsaW5lZCI6ZmFsc2UsIlBhcmVudFN0eWxlIjpudWxsfSwiQXV0b1NpemUiOjAsIkZvcmVncm91bmQiOnsiJGlkIjoiNjYiLCJDb2xvciI6eyIkaWQiOiI2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MiwiRm9udE5hbWUiOiJGcmFua2xpbiBHb3RoaWMgQm9vayIsIklzQm9sZCI6dHJ1ZSwiSXNJdGFsaWMiOmZhbHNlLCJJc1VuZGVybGluZWQiOmZhbHNlLCJQYXJlbnRTdHlsZSI6bnVsbH0sIkF1dG9TaXplIjowLCJGb3JlZ3JvdW5kIjp7IiRpZCI6IjEwMiIsIkNvbG9yIjp7IiRpZCI6IjEwMyIsIkEiOjI1NSwiUiI6MjU1LCJHIjoxOTI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MzYifX0sIklzVmlzaWJsZSI6dHJ1ZSwiV2lkdGgiOjAuMCwiSGVpZ2h0IjowLjAsIkJvcmRlclN0eWxlIjpudWxs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zNiJ9fSwiSXNWaXNpYmxlIjpmYWxz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0LCJTaGFwZVRoaWNrbmVzcyI6MC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YifX0sIklzVmlzaWJsZSI6dHJ1ZSwiV2lkdGgiOjAuMCwiSGVpZ2h0IjowLjAsIkJvcmRlclN0eWxlIjpudWxsLCJQYXJlbnRTdHlsZSI6bnVsbH0sIkR1cmF0aW9u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I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HJlZiI6IjM2In19LCJJc1Zpc2libGUiOnRydWUsIldpZHRoIjowLjAsIkhlaWdodCI6MC4wLCJCb3JkZXJTdHlsZSI6bnVsbCwiUGFyZW50U3R5bGUiOm51bGx9LCJEYXRlRm9ybWF0Ijp7IiRpZCI6IjE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iLCJGb3JtYXQiOjAsIklzVmlzaWJsZSI6ZmFsc2UsIkxhc3RLbm93blZpc2liaWxpdHlTdGF0ZSI6ZmFsc2V9LCJJc1Zpc2libGUiOnRydWUsIlBhcmVudFN0eWxlIjpudWxsLCJfZXhwbGljaXRseVNldCI6eyIkaWQiOiIxN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2MiIsIkdyaWRsaW5lU3R5bGUiOnsiJGlkIjoiMTYzIiwiTGluZUNvbG9yIjp7IiRpZCI6IjE2NCIsIiR0eXBlIjoiTkxSRS5Db21tb24uRG9tLlNvbGlkQ29sb3JCcnVzaCwgTkxSRS5Db21tb24iLCJDb2xvciI6eyIkaWQiOiIxNjUiLCJBIjozOCwiUiI6OTEsIkciOjE1NSwiQiI6MjEzfX0sIkxpbmVXZWlnaHQiOjEuMCwiTGluZVR5cGUiOjA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xOTkiLCJDb2xvciI6eyIkaWQiOiIyMDAiLCJBIjowLCJSIjoyNTUsIkciOjI1NSwiQiI6MjU1fX0sIklzVmlzaWJsZSI6ZmFsc2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xMSJ9LCJQYWRkaW5nIjp7IiRyZWYiOiIxMTIifSwiQmFja2dyb3VuZCI6eyIkaWQiOiIyNjYiLCJDb2xvciI6eyIkaWQiOiIyNjciLCJBIjowLCJSIjoyNTUsIkciOjI1NSwiQiI6MjU1fX0sIklzVmlzaWJsZSI6ZmFsc2UsIldpZHRoIjowLjAsIkhlaWdodCI6MC4wLCJCb3JkZXJTdHlsZSI6eyIkaWQiOiIyNjgiLCJMaW5lQ29sb3IiOm51bGwsIkxpbmVXZWlnaHQiOjAuMCwiTGluZVR5cGUiOjAsIlBhcmVudFN0eWxlIjpudWxsfSwiUGFyZW50U3R5bGUiOm51bGx9LCJEYXRlRm9ybWF0Ijp7IiRpZCI6IjI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TdHlsZSI6eyIkaWQiOiI0MTMiLCJGb250U2V0dGluZ3MiOnsiJGlkIjoiNDE0IiwiRm9udFNpemUiOjEwLCJGb250TmFtZSI6IkNhbGlicmkiLCJJc0JvbGQiOmZhbHNlLCJJc0l0YWxpYyI6ZmFsc2UsIklzVW5kZXJsaW5lZCI6ZmFsc2UsIlBhcmVudFN0eWxlIjpudWxsfSwiQXV0b1NpemUiOjAsIkZvcmVncm91bmQiOnsiJGlkIjoiNDE1IiwiQ29sb3IiOnsiJGlkIjoiNDE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U3R5bGUiOnsiJGlkIjoiNDQ2IiwiRm9udFNldHRpbmdzIjp7IiRpZCI6IjQ0NyIsIkZvbnRTaXplIjoxMCwiRm9udE5hbWUiOiJDYWxpYnJpIiwiSXNCb2xkIjpmYWxzZSwiSXNJdGFsaWMiOmZhbHNlLCJJc1VuZGVybGluZWQiOmZhbHNlLCJQYXJlbnRTdHlsZSI6bnVsbH0sIkF1dG9TaXplIjowLCJGb3JlZ3JvdW5kIjp7IiRpZCI6IjQ0OCIsIkNvbG9yIjp7IiRpZCI6IjQ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EiLCJUb3AiOjAuMCwiTGVmdCI6MC4wLCJSaWdodCI6MC4wLCJCb3R0b20iOjAuMH0sIlBhZGRpbmciOnsiJGlkIjoiNTgyIiwiVG9wIjowLjAsIkxlZnQiOjAuMCwiUmlnaHQiOjAuMCwiQm90dG9tIjowLjB9LCJCYWNrZ3JvdW5kIjp7IiRpZCI6IjU4MyIsIkNvbG9yIjp7IiRyZWYiOiI1NzUifX0sIklzVmlzaWJsZSI6ZmFsc2UsIldpZHRoIjowLjAsIkhlaWdodCI6MC4wLCJCb3JkZXJTdHlsZSI6eyIkaWQiOiI1ODQiLCJMaW5lQ29sb3IiOm51bGwsIkxpbmVXZWlnaHQiOjAuMCwiTGluZVR5cGUiOjAsIlBhcmVudFN0eWxlIjpudWxsfSwiUGFyZW50U3R5bGUiOm51bGx9LCJEYXRlRm9ybWF0Ijp7IiRpZCI6IjU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GlkIjoiNTkzIiwiVG9wIjowLjAsIkxlZnQiOjAuMCwiUmlnaHQiOjAuMCwiQm90dG9tIjowLjB9LCJQYWRkaW5nIjp7IiRpZCI6IjU5NCIsIlRvcCI6MC4wLCJMZWZ0IjowLjAsIlJpZ2h0IjowLjAsIkJvdHRvbSI6MC4wfSwiQmFja2dyb3VuZCI6eyIkaWQiOiI1OTUiLCJDb2xvciI6eyIkaWQiOiI1OTYiLCJBIjo4OSwiUiI6MCwiRyI6MCwiQiI6MH19LCJJc1Zpc2libGUiOnRydWUsIldpZHRoIjowLjAsIkhlaWdodCI6MC4wLCJCb3JkZXJTdHlsZSI6eyIkaWQiOiI1OTciLCJMaW5lQ29sb3IiOm51bGwsIkxpbmVXZWlnaHQiOjAuMCwiTGluZVR5cGUiOjAsIlBhcmVudFN0eWxlIjpudWxsfSwiUGFyZW50U3R5bGUiOm51bGx9LCJEdXJhdGlvbl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Y0NCIsIkxpbmVDb2xvciI6bnVsbCwiTGluZVdlaWdodCI6MC4wLCJMaW5lVHlwZSI6MCwiUGFyZW50U3R5bGUiOm51bGx9LCJQYXJlbnRTdHlsZSI6bnVsbH0sIkR1cmF0aW9uU3R5bGUiOnsiJGlkIjoiNjQ1IiwiRm9udFNldHRpbmdzIjp7IiRpZCI6IjY0NiIsIkZvbnRTaXplIjoxMCwiRm9udE5hbWUiOiJDYWxpYnJpIiwiSXNCb2xkIjpmYWxzZSwiSXNJdGFsaWMiOmZhbHNlLCJJc1VuZGVybGluZWQiOmZhbHNlLCJQYXJlbnRTdHlsZSI6bnVsbH0sIkF1dG9TaXplIjowLCJGb3JlZ3JvdW5kIjp7IiRyZWYiOiIxMjYifSwiTWF4V2lkdGgiOjIwMC4w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eyIkcmVmIjoiMTMwIn0sIklzVmlzaWJsZSI6dHJ1ZSwiV2lkdGgiOjAuMCwiSGVpZ2h0IjowLjAsIkJvcmRlclN0eWxlIjp7IiRpZCI6IjY0NyIsIkxpbmVDb2xvciI6bnVsbCwiTGluZVdlaWdodCI6MC4wLCJMaW5lVHlwZSI6MCwiUGFyZW50U3R5bGUiOm51bGx9LCJQYXJlbnRTdHlsZSI6bnVsbH0sIkhvcml6b250YWxDb25uZWN0b3JTdHlsZSI6eyIkaWQiOiI2NDgiLCJMaW5lQ29sb3IiOnsiJHJlZiI6IjEzMiJ9LCJMaW5lV2VpZ2h0IjoxLjAsIkxpbmVUeXBlIjowLCJQYXJlbnRTdHlsZSI6bnVsbH0sIlZlcnRpY2FsQ29ubmVjdG9yU3R5bGUiOnsiJGlkIjoiNjQ5IiwiTGluZUNvbG9yIjp7IiRyZWYiOiIxMzU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2NzIiLCJMaW5lQ29sb3IiOm51bGwsIkxpbmVXZWlnaHQiOjAuMCwiTGluZVR5cGUiOjAsIlBhcmVudFN0eWxlIjpudWxsfSwiUGFyZW50U3R5bGUiOm51bGx9LCJEdXJhdGlvblN0eWxlIjp7IiRpZCI6IjY3MyIsIkZvbnRTZXR0aW5ncyI6eyIkaWQiOiI2NzQ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2NzUiLCJMaW5lQ29sb3IiOm51bGwsIkxpbmVXZWlnaHQiOjAuMCwiTGluZVR5cGUiOjAsIlBhcmVudFN0eWxlIjpudWxsfSwiUGFyZW50U3R5bGUiOm51bGx9LCJIb3Jpem9udGFsQ29ubmVjdG9yU3R5bGUiOnsiJGlkIjoiNjc2IiwiTGluZUNvbG9yIjp7IiRyZWYiOiIxMzIifSwiTGluZVdlaWdodCI6MS4wLCJMaW5lVHlwZSI6MCwiUGFyZW50U3R5bGUiOm51bGx9LCJWZXJ0aWNhbENvbm5lY3RvclN0eWxlIjp7IiRpZCI6IjY3NyIsIkxpbmVDb2xvciI6eyIkcmVmIjoiMTM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2ODYiLCJDb2xvciI6eyIkaWQiOiI2ODciLCJBIjowLCJSIjoyNTUsIkciOjI1NSwiQiI6MjU1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HJlZiI6IjE1NCJ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eyIkaWQiOiI3MzkiLCJDb2xvciI6eyIkaWQiOiI3NDAiLCJBIjowLCJSIjoyNTUsIkciOjI1NSwiQiI6MjU1fX0sIklzVmlzaWJsZSI6dHJ1ZSwiV2lkdGgiOjAuMCwiSGVpZ2h0IjowLjAsIkJvcmRlclN0eWxlIjp7IiRpZCI6Ijc0MSIsIkxpbmVDb2xvciI6bnVsbCwiTGluZVdlaWdodCI6MC4wLCJMaW5lVHlwZSI6MCwiUGFyZW50U3R5bGUiOm51bGx9LCJQYXJlbnRTdHlsZSI6bnVsbH0sIkRhdGVGb3JtYXQiOnsiJGlkIjoiNz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3NTAiLCJMaW5lQ29sb3IiOm51bGwsIkxpbmVXZWlnaHQiOjAuMCwiTGluZVR5cGUiOjAsIlBhcmVudFN0eWxlIjpudWxsfSwiUGFyZW50U3R5bGUiOm51bGx9LCJEdXJhdGlvblN0eWxlIjp7IiRpZCI6Ijc1MSIsIkZvbnRTZXR0aW5ncyI6eyIkaWQiOiI3NTI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3NTMiLCJMaW5lQ29sb3IiOm51bGwsIkxpbmVXZWlnaHQiOjAuMCwiTGluZVR5cGUiOjAsIlBhcmVudFN0eWxlIjpudWxsfSwiUGFyZW50U3R5bGUiOm51bGx9LCJIb3Jpem9udGFsQ29ubmVjdG9yU3R5bGUiOnsiJGlkIjoiNzU0IiwiTGluZUNvbG9yIjp7IiRyZWYiOiIxMzIifSwiTGluZVdlaWdodCI6MS4wLCJMaW5lVHlwZSI6MCwiUGFyZW50U3R5bGUiOm51bGx9LCJWZXJ0aWNhbENvbm5lY3RvclN0eWxlIjp7IiRpZCI6Ijc1NSIsIkxpbmVDb2xvciI6eyIkcmVmIjoiMTM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3NzciLCJMaW5lQ29sb3IiOm51bGwsIkxpbmVXZWlnaHQiOjAuMCwiTGluZVR5cGUiOjAsIlBhcmVudFN0eWxlIjpudWxsfSwiUGFyZW50U3R5bGUiOm51bGx9LCJEdXJhdGlvblN0eWxlIjp7IiRpZCI6Ijc3OCIsIkZvbnRTZXR0aW5ncyI6eyIkaWQiOiI3Nzk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3ODAiLCJMaW5lQ29sb3IiOm51bGwsIkxpbmVXZWlnaHQiOjAuMCwiTGluZVR5cGUiOjAsIlBhcmVudFN0eWxlIjpudWxsfSwiUGFyZW50U3R5bGUiOm51bGx9LCJIb3Jpem9udGFsQ29ubmVjdG9yU3R5bGUiOnsiJGlkIjoiNzgxIiwiTGluZUNvbG9yIjp7IiRyZWYiOiIxMzIifSwiTGluZVdlaWdodCI6MC4wLCJMaW5lVHlwZSI6MCwiUGFyZW50U3R5bGUiOm51bGx9LCJWZXJ0aWNhbENvbm5lY3RvclN0eWxlIjp7IiRpZCI6Ijc4MiIsIkxpbmVDb2xvciI6eyIkcmVmIjoiMTM1In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4MDQiLCJMaW5lQ29sb3IiOm51bGwsIkxpbmVXZWlnaHQiOjAuMCwiTGluZVR5cGUiOjAsIlBhcmVudFN0eWxlIjpudWxsfSwiUGFyZW50U3R5bGUiOm51bGx9LCJEdXJhdGlvblN0eWxlIjp7IiRpZCI6IjgwNSIsIkZvbnRTZXR0aW5ncyI6eyIkaWQiOiI4MDY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4MDciLCJMaW5lQ29sb3IiOm51bGwsIkxpbmVXZWlnaHQiOjAuMCwiTGluZVR5cGUiOjAsIlBhcmVudFN0eWxlIjpudWxsfSwiUGFyZW50U3R5bGUiOm51bGx9LCJIb3Jpem9udGFsQ29ubmVjdG9yU3R5bGUiOnsiJGlkIjoiODA4IiwiTGluZUNvbG9yIjp7IiRyZWYiOiIxMzIifSwiTGluZVdlaWdodCI6MS4wLCJMaW5lVHlwZSI6MCwiUGFyZW50U3R5bGUiOm51bGx9LCJWZXJ0aWNhbENvbm5lY3RvclN0eWxlIjp7IiRpZCI6IjgwOSIsIkxpbmVDb2xvciI6eyIkcmVmIjoiMTM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gzMSIsIkxpbmVDb2xvciI6bnVsbCwiTGluZVdlaWdodCI6MC4wLCJMaW5lVHlwZSI6MCwiUGFyZW50U3R5bGUiOm51bGx9LCJQYXJlbnRTdHlsZSI6bnVsbH0sIkR1cmF0aW9uU3R5bGUiOnsiJGlkIjoiODMyIiwiRm9udFNldHRpbmdzIjp7IiRpZCI6IjgzMyIsIkZvbnRTaXplIjoxMCwiRm9udE5hbWUiOiJDYWxpYnJpIiwiSXNCb2xkIjpmYWxzZSwiSXNJdGFsaWMiOmZhbHNlLCJJc1VuZGVybGluZWQiOmZhbHNlLCJQYXJlbnRTdHlsZSI6bnVsbH0sIkF1dG9TaXplIjowLCJGb3JlZ3JvdW5kIjp7IiRyZWYiOiIxMjYifSwiTWF4V2lkdGgiOjIwMC4w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eyIkcmVmIjoiMTMwIn0sIklzVmlzaWJsZSI6dHJ1ZSwiV2lkdGgiOjAuMCwiSGVpZ2h0IjowLjAsIkJvcmRlclN0eWxlIjp7IiRpZCI6IjgzNCIsIkxpbmVDb2xvciI6bnVsbCwiTGluZVdlaWdodCI6MC4wLCJMaW5lVHlwZSI6MCwiUGFyZW50U3R5bGUiOm51bGx9LCJQYXJlbnRTdHlsZSI6bnVsbH0sIkhvcml6b250YWxDb25uZWN0b3JTdHlsZSI6eyIkaWQiOiI4MzUiLCJMaW5lQ29sb3IiOnsiJHJlZiI6IjEzMiJ9LCJMaW5lV2VpZ2h0IjoxLjAsIkxpbmVUeXBlIjowLCJQYXJlbnRTdHlsZSI6bnVsbH0sIlZlcnRpY2FsQ29ubmVjdG9yU3R5bGUiOnsiJGlkIjoiODM2IiwiTGluZUNvbG9yIjp7IiRyZWYiOiIxMzU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4NjIiLCJMaW5lQ29sb3IiOm51bGwsIkxpbmVXZWlnaHQiOjAuMCwiTGluZVR5cGUiOjAsIlBhcmVudFN0eWxlIjpudWxsfSwiUGFyZW50U3R5bGUiOm51bGx9LCJEdXJhdGlvblN0eWxlIjp7IiRpZCI6Ijg2MyIsIkZvbnRTZXR0aW5ncyI6eyIkaWQiOiI4NjQ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4NjUiLCJMaW5lQ29sb3IiOm51bGwsIkxpbmVXZWlnaHQiOjAuMCwiTGluZVR5cGUiOjAsIlBhcmVudFN0eWxlIjpudWxsfSwiUGFyZW50U3R5bGUiOm51bGx9LCJIb3Jpem9udGFsQ29ubmVjdG9yU3R5bGUiOnsiJGlkIjoiODY2IiwiTGluZUNvbG9yIjp7IiRyZWYiOiIxMzIifSwiTGluZVdlaWdodCI6MS4wLCJMaW5lVHlwZSI6MCwiUGFyZW50U3R5bGUiOm51bGx9LCJWZXJ0aWNhbENvbm5lY3RvclN0eWxlIjp7IiRpZCI6Ijg2NyIsIkxpbmVDb2xvciI6eyIkcmVmIjoiMTM1In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ODg3IiwiSW1wYU9wdGlvbnMiOnsiJGlkIjoiODg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g5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Custom"/>
  <p:tag name="OTLTIMEBANDAUTODATERANGE" val="False"/>
  <p:tag name="OTLTIMEBANDSCALETYPE" val="Months"/>
  <p:tag name="OTLTIMEBANDSCALEFORMAT" val="MMM"/>
  <p:tag name="OTLTIMEBANDENDDATE" val="2023-04-12T23:59:00.0000000"/>
  <p:tag name="OTLTIMEBANDSTARTDATE" val="2020-04-27T15:22:00.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ENDDATE" val="2020-10-15T05:43:00.0000000"/>
  <p:tag name="OTLSPACING" val="3"/>
  <p:tag name="OTLSTARTDATE" val="2020-04-27T15:22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0-10-29T05:35:00.0000000"/>
  <p:tag name="OTLENDDATE" val="2020-12-15T20:24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0-11-17T17:30:00.0000000"/>
  <p:tag name="OTLENDDATE" val="2021-01-07T03:37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1-02-15T16:00:00.0000000"/>
  <p:tag name="OTLENDDATE" val="2021-03-25T08:07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1-07-06T23:07:00.0000000"/>
  <p:tag name="OTLENDDATE" val="2021-08-29T13:07:00.0000000"/>
  <p:tag name="OTLSPACING" val="3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1-09-23T00:29:00.0000000"/>
  <p:tag name="OTLENDDATE" val="2021-10-18T07:55:00.0000000"/>
  <p:tag name="OTLSPACING" val="3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1-11-17T03:36:00.0000000"/>
  <p:tag name="OTLSPACING" val="3"/>
  <p:tag name="OTLENDDATE" val="2022-01-01T03:51:00.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2-01-24T23:59:00.0000000"/>
  <p:tag name="OTLSPACING" val="3"/>
  <p:tag name="OTLENDDATE" val="2022-02-20T19:54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2-03-06T03:36:00.0000000"/>
  <p:tag name="OTLENDDATE" val="2022-04-04T04:23:00.0000000"/>
  <p:tag name="OTLSPACING" val="3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12-17T23:59:00.0000000"/>
  <p:tag name="OTLMTITLE" val="Irish potato famine brings Halloween to America&#10;185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12-01T23:59:00.0000000"/>
  <p:tag name="OTLMTITLE" val="Irish legend of Stingy Jack&#10;1800s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12-27T23:59:00.0000000"/>
  <p:tag name="OTLMTITLE" val="Camille Saint-Saëns writes 'Danse Macabre'&#10;1874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01-27T23:59:00.0000000"/>
  <p:tag name="OTLMTITLE" val="Pope Boniface IV sets 'All Martys Day' on May 10&#10;609 AD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04-02T23:59:00.0000000"/>
  <p:tag name="OTLMTITLE" val="Pope Gregory IV merges Halloween and All Saints Day&#10;837 AD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05-31T23:59:00.0000000"/>
  <p:tag name="OTLMTITLE" val="The church declares November 2nd 'All Souls Day'&#10;1000 AD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2-02-07T23:59:00.0000000"/>
  <p:tag name="OTLMTITLE" val="1st Trick-or-treat in North America&#10;1911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2-04-16T23:59:00.0000000"/>
  <p:tag name="OTLMTITLE" val="First 'Halloween' movie&#10;1978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2-03-24T23:59:00.0000000"/>
  <p:tag name="OTLMTITLE" val="&quot;Boris&quot; Pickett's Monster Mash is released&#10;1962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4-20T23:59:00.0000000"/>
  <p:tag name="OTLPOSITIONONTASK" val="None"/>
  <p:tag name="OTLRELATEDTASKID" val="00000000-0000-0000-0000-000000000000"/>
  <p:tag name="OTLMTITLE" val="The Texas Halloween Poisoning&#10;1980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2-10T23:59:00.0000000"/>
  <p:tag name="OTLPOSITIONONTASK" val="None"/>
  <p:tag name="OTLRELATEDTASKID" val="00000000-0000-0000-0000-000000000000"/>
  <p:tag name="OTLMTITLE" val="Mary Shelley writes 'Frankenstein'&#10;1818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1-18T23:59:00.0000000"/>
  <p:tag name="OTLPOSITIONONTASK" val="None"/>
  <p:tag name="OTLRELATEDTASKID" val="00000000-0000-0000-0000-000000000000"/>
  <p:tag name="OTLMTITLE" val="Bram Stoker writes Dracula&#10;1897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2-07-28T23:59:00.0000000"/>
  <p:tag name="OTLMTITLE" val="Sexy Halloween costumes become mainstream&#10;2000s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2-12-29T23:59:00.0000000"/>
  <p:tag name="OTLMTITLE" val="Halloween earns $9 billion annually&#10;PRESENT DAY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1</Words>
  <Application>Microsoft Office PowerPoint</Application>
  <PresentationFormat>Widescreen</PresentationFormat>
  <Paragraphs>6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Franklin Gothic Book</vt:lpstr>
      <vt:lpstr>Open Sans ExtraBold</vt:lpstr>
      <vt:lpstr>Segoe UI 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10-29T13:26:22Z</dcterms:created>
  <dcterms:modified xsi:type="dcterms:W3CDTF">2021-10-29T13:26:33Z</dcterms:modified>
</cp:coreProperties>
</file>